
<file path=[Content_Types].xml><?xml version="1.0" encoding="utf-8"?>
<Types xmlns="http://schemas.openxmlformats.org/package/2006/content-types"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svg" ContentType="image/svg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F42384" w14:paraId="7C1347D5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071CEF41" w14:textId="77777777" w:rsidR="00F42384" w:rsidRPr="00F03548" w:rsidRDefault="00F42384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r w:rsidRPr="00F03548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t>Activités avant le visionnage</w:t>
            </w:r>
          </w:p>
        </w:tc>
      </w:tr>
    </w:tbl>
    <w:p w14:paraId="134992E4" w14:textId="77777777" w:rsidR="008229A6" w:rsidRPr="00D125EB" w:rsidRDefault="008229A6" w:rsidP="008229A6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1FA56FAB" w14:textId="67254959" w:rsidR="00DF5C94" w:rsidRPr="00D125EB" w:rsidRDefault="008229A6" w:rsidP="008229A6">
      <w:pPr>
        <w:spacing w:line="276" w:lineRule="auto"/>
        <w:rPr>
          <w:rFonts w:ascii="Arial" w:hAnsi="Arial" w:cs="Arial"/>
        </w:rPr>
      </w:pPr>
      <w:r w:rsidRPr="00D125EB">
        <w:rPr>
          <w:rFonts w:ascii="Arial" w:hAnsi="Arial" w:cs="Arial"/>
          <w:b/>
          <w:bCs/>
        </w:rPr>
        <w:t xml:space="preserve">1. </w:t>
      </w:r>
      <w:r w:rsidR="00DF5C94" w:rsidRPr="00D125EB">
        <w:rPr>
          <w:rFonts w:ascii="Arial" w:hAnsi="Arial" w:cs="Arial"/>
          <w:b/>
          <w:bCs/>
        </w:rPr>
        <w:t>C’est ç</w:t>
      </w:r>
      <w:r w:rsidR="0093767F" w:rsidRPr="00D125EB">
        <w:rPr>
          <w:rFonts w:ascii="Arial" w:hAnsi="Arial" w:cs="Arial"/>
          <w:b/>
          <w:bCs/>
        </w:rPr>
        <w:t>a?</w:t>
      </w:r>
    </w:p>
    <w:p w14:paraId="7AE81407" w14:textId="0BB4F216" w:rsidR="00560D11" w:rsidRDefault="0093767F" w:rsidP="00AB08F3">
      <w:pPr>
        <w:jc w:val="both"/>
        <w:rPr>
          <w:rFonts w:ascii="Arial" w:hAnsi="Arial" w:cs="Arial"/>
        </w:rPr>
      </w:pPr>
      <w:r w:rsidRPr="00D125EB">
        <w:rPr>
          <w:rFonts w:ascii="Arial" w:hAnsi="Arial" w:cs="Arial"/>
        </w:rPr>
        <w:t>1.</w:t>
      </w:r>
      <w:r w:rsidR="002D5905" w:rsidRPr="00D125EB">
        <w:rPr>
          <w:rFonts w:ascii="Arial" w:hAnsi="Arial" w:cs="Arial"/>
        </w:rPr>
        <w:t>1</w:t>
      </w:r>
      <w:r w:rsidRPr="00D125EB">
        <w:rPr>
          <w:rFonts w:ascii="Arial" w:hAnsi="Arial" w:cs="Arial"/>
        </w:rPr>
        <w:t xml:space="preserve"> </w:t>
      </w:r>
      <w:r w:rsidR="00BF7B3B" w:rsidRPr="00D125EB">
        <w:rPr>
          <w:rFonts w:ascii="Arial" w:hAnsi="Arial" w:cs="Arial"/>
        </w:rPr>
        <w:t xml:space="preserve">Was weisst du </w:t>
      </w:r>
      <w:r w:rsidR="00560D11" w:rsidRPr="00D125EB">
        <w:rPr>
          <w:rFonts w:ascii="Arial" w:hAnsi="Arial" w:cs="Arial"/>
        </w:rPr>
        <w:t xml:space="preserve">alles </w:t>
      </w:r>
      <w:r w:rsidR="00BF7B3B" w:rsidRPr="00D125EB">
        <w:rPr>
          <w:rFonts w:ascii="Arial" w:hAnsi="Arial" w:cs="Arial"/>
        </w:rPr>
        <w:t xml:space="preserve">über </w:t>
      </w:r>
      <w:r w:rsidR="00560D11" w:rsidRPr="00D125EB">
        <w:rPr>
          <w:rFonts w:ascii="Arial" w:hAnsi="Arial" w:cs="Arial"/>
        </w:rPr>
        <w:t xml:space="preserve">die Stadt </w:t>
      </w:r>
      <w:r w:rsidR="00BF7B3B" w:rsidRPr="00D125EB">
        <w:rPr>
          <w:rFonts w:ascii="Arial" w:hAnsi="Arial" w:cs="Arial"/>
        </w:rPr>
        <w:t>Paris</w:t>
      </w:r>
      <w:r w:rsidR="00560D11" w:rsidRPr="00D125EB">
        <w:rPr>
          <w:rFonts w:ascii="Arial" w:hAnsi="Arial" w:cs="Arial"/>
        </w:rPr>
        <w:t xml:space="preserve">? </w:t>
      </w:r>
      <w:r w:rsidR="00560D11" w:rsidRPr="00560D11">
        <w:rPr>
          <w:rFonts w:ascii="Arial" w:hAnsi="Arial" w:cs="Arial"/>
        </w:rPr>
        <w:t xml:space="preserve">Welche Sehenswürdigkeiten und Attraktionen können in Paris besucht </w:t>
      </w:r>
      <w:r w:rsidR="00560D11">
        <w:rPr>
          <w:rFonts w:ascii="Arial" w:hAnsi="Arial" w:cs="Arial"/>
        </w:rPr>
        <w:t xml:space="preserve">und besichtigt </w:t>
      </w:r>
      <w:r w:rsidR="00560D11" w:rsidRPr="00560D11">
        <w:rPr>
          <w:rFonts w:ascii="Arial" w:hAnsi="Arial" w:cs="Arial"/>
        </w:rPr>
        <w:t>werden?</w:t>
      </w:r>
      <w:r w:rsidR="00412B3A" w:rsidRPr="00560D11">
        <w:rPr>
          <w:rFonts w:ascii="Arial" w:hAnsi="Arial" w:cs="Arial"/>
        </w:rPr>
        <w:t xml:space="preserve"> </w:t>
      </w:r>
    </w:p>
    <w:p w14:paraId="37B7F78E" w14:textId="151D7111" w:rsidR="00AB08F3" w:rsidRPr="00055EC7" w:rsidRDefault="00AB08F3" w:rsidP="00AB08F3">
      <w:pPr>
        <w:jc w:val="both"/>
        <w:rPr>
          <w:rFonts w:ascii="Arial" w:hAnsi="Arial" w:cs="Arial"/>
          <w:sz w:val="12"/>
          <w:szCs w:val="12"/>
        </w:rPr>
      </w:pPr>
    </w:p>
    <w:p w14:paraId="25875B0A" w14:textId="0FA7F8BF" w:rsidR="00AB08F3" w:rsidRDefault="00AB08F3" w:rsidP="00AB08F3">
      <w:pPr>
        <w:spacing w:line="360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t>______________________________________________________________________________________________________________________________________</w:t>
      </w:r>
    </w:p>
    <w:p w14:paraId="60D63789" w14:textId="77777777" w:rsidR="00AB08F3" w:rsidRPr="00055EC7" w:rsidRDefault="00AB08F3" w:rsidP="00AB08F3">
      <w:pPr>
        <w:jc w:val="both"/>
        <w:rPr>
          <w:rFonts w:ascii="Arial" w:hAnsi="Arial" w:cs="Arial"/>
          <w:sz w:val="20"/>
          <w:szCs w:val="20"/>
        </w:rPr>
      </w:pPr>
    </w:p>
    <w:p w14:paraId="2C7D5F93" w14:textId="02FD99A4" w:rsidR="002D5905" w:rsidRPr="00560D11" w:rsidRDefault="002D5905" w:rsidP="00AB08F3">
      <w:pPr>
        <w:jc w:val="both"/>
        <w:rPr>
          <w:rFonts w:ascii="Arial" w:hAnsi="Arial" w:cs="Arial"/>
        </w:rPr>
      </w:pPr>
      <w:r w:rsidRPr="00560D11">
        <w:rPr>
          <w:rFonts w:ascii="Arial" w:hAnsi="Arial" w:cs="Arial"/>
        </w:rPr>
        <w:t xml:space="preserve">1.2 </w:t>
      </w:r>
      <w:r w:rsidR="00E5308F">
        <w:rPr>
          <w:rFonts w:ascii="Arial" w:hAnsi="Arial" w:cs="Arial"/>
        </w:rPr>
        <w:t>Warst du schon einmal in Paris</w:t>
      </w:r>
      <w:r w:rsidR="00560D11">
        <w:rPr>
          <w:rFonts w:ascii="Arial" w:hAnsi="Arial" w:cs="Arial"/>
        </w:rPr>
        <w:t>? Was hast du dort erlebt? Falls du noch nie in Paris warst, welche Grossstadt hast du schon besucht? Tausche dich</w:t>
      </w:r>
      <w:r w:rsidR="00885651">
        <w:rPr>
          <w:rFonts w:ascii="Arial" w:hAnsi="Arial" w:cs="Arial"/>
        </w:rPr>
        <w:t xml:space="preserve"> mündlich</w:t>
      </w:r>
      <w:r w:rsidR="00560D11">
        <w:rPr>
          <w:rFonts w:ascii="Arial" w:hAnsi="Arial" w:cs="Arial"/>
        </w:rPr>
        <w:t xml:space="preserve"> mit einem</w:t>
      </w:r>
      <w:r w:rsidR="00003CD5">
        <w:rPr>
          <w:rFonts w:ascii="Arial" w:hAnsi="Arial" w:cs="Arial"/>
        </w:rPr>
        <w:t xml:space="preserve"> </w:t>
      </w:r>
      <w:r w:rsidR="00560D11">
        <w:rPr>
          <w:rFonts w:ascii="Arial" w:hAnsi="Arial" w:cs="Arial"/>
        </w:rPr>
        <w:t>Kollegen</w:t>
      </w:r>
      <w:r w:rsidR="00C21A44">
        <w:rPr>
          <w:rFonts w:ascii="Arial" w:hAnsi="Arial" w:cs="Arial"/>
        </w:rPr>
        <w:t xml:space="preserve"> / einer Kollegin</w:t>
      </w:r>
      <w:r w:rsidR="009B3ACF">
        <w:rPr>
          <w:rFonts w:ascii="Arial" w:hAnsi="Arial" w:cs="Arial"/>
        </w:rPr>
        <w:t xml:space="preserve"> </w:t>
      </w:r>
      <w:r w:rsidR="00560D11">
        <w:rPr>
          <w:rFonts w:ascii="Arial" w:hAnsi="Arial" w:cs="Arial"/>
        </w:rPr>
        <w:t>aus und vergleicht, was ihr auf eurer Städtereise alles erlebt habt</w:t>
      </w:r>
      <w:r w:rsidR="00165C5A">
        <w:rPr>
          <w:rFonts w:ascii="Arial" w:hAnsi="Arial" w:cs="Arial"/>
        </w:rPr>
        <w:t>. Versuche ihn/sie zu überzeugen</w:t>
      </w:r>
      <w:r w:rsidR="003533AA">
        <w:rPr>
          <w:rFonts w:ascii="Arial" w:hAnsi="Arial" w:cs="Arial"/>
        </w:rPr>
        <w:t>, deine</w:t>
      </w:r>
      <w:r w:rsidR="003533AA" w:rsidRPr="003533AA">
        <w:rPr>
          <w:rFonts w:ascii="Arial" w:hAnsi="Arial" w:cs="Arial"/>
        </w:rPr>
        <w:t xml:space="preserve"> </w:t>
      </w:r>
      <w:r w:rsidR="003533AA">
        <w:rPr>
          <w:rFonts w:ascii="Arial" w:hAnsi="Arial" w:cs="Arial"/>
        </w:rPr>
        <w:t xml:space="preserve">Stadt </w:t>
      </w:r>
      <w:r w:rsidR="00165C5A">
        <w:rPr>
          <w:rFonts w:ascii="Arial" w:hAnsi="Arial" w:cs="Arial"/>
        </w:rPr>
        <w:t xml:space="preserve">ebenfalls zu besuchen. Gib anschliessend an, weshalb, du dir vorstellen könntest, die Stadt, die dir </w:t>
      </w:r>
      <w:r w:rsidR="00885651">
        <w:rPr>
          <w:rFonts w:ascii="Arial" w:hAnsi="Arial" w:cs="Arial"/>
        </w:rPr>
        <w:t>d</w:t>
      </w:r>
      <w:r w:rsidR="00165C5A">
        <w:rPr>
          <w:rFonts w:ascii="Arial" w:hAnsi="Arial" w:cs="Arial"/>
        </w:rPr>
        <w:t>ein Kollege</w:t>
      </w:r>
      <w:r w:rsidR="00B66EAA">
        <w:rPr>
          <w:rFonts w:ascii="Arial" w:hAnsi="Arial" w:cs="Arial"/>
        </w:rPr>
        <w:t xml:space="preserve"> </w:t>
      </w:r>
      <w:r w:rsidR="00165C5A">
        <w:rPr>
          <w:rFonts w:ascii="Arial" w:hAnsi="Arial" w:cs="Arial"/>
        </w:rPr>
        <w:t>/</w:t>
      </w:r>
      <w:r w:rsidR="00B66EAA">
        <w:rPr>
          <w:rFonts w:ascii="Arial" w:hAnsi="Arial" w:cs="Arial"/>
        </w:rPr>
        <w:t xml:space="preserve"> </w:t>
      </w:r>
      <w:r w:rsidR="00165C5A">
        <w:rPr>
          <w:rFonts w:ascii="Arial" w:hAnsi="Arial" w:cs="Arial"/>
        </w:rPr>
        <w:t>deine Kollegin vorgestellt hat, zu besuchen</w:t>
      </w:r>
      <w:r w:rsidR="00560D11">
        <w:rPr>
          <w:rFonts w:ascii="Arial" w:hAnsi="Arial" w:cs="Arial"/>
        </w:rPr>
        <w:t xml:space="preserve"> </w:t>
      </w:r>
      <w:r w:rsidR="009B3ACF">
        <w:rPr>
          <w:rFonts w:ascii="Arial" w:hAnsi="Arial" w:cs="Arial"/>
        </w:rPr>
        <w:t>(</w:t>
      </w:r>
      <w:r w:rsidR="00165C5A">
        <w:rPr>
          <w:rFonts w:ascii="Arial" w:hAnsi="Arial" w:cs="Arial"/>
        </w:rPr>
        <w:t xml:space="preserve">ca. </w:t>
      </w:r>
      <w:r w:rsidR="002C03AA">
        <w:rPr>
          <w:rFonts w:ascii="Arial" w:hAnsi="Arial" w:cs="Arial"/>
        </w:rPr>
        <w:t xml:space="preserve">3 – </w:t>
      </w:r>
      <w:r w:rsidR="00165C5A">
        <w:rPr>
          <w:rFonts w:ascii="Arial" w:hAnsi="Arial" w:cs="Arial"/>
        </w:rPr>
        <w:t>5</w:t>
      </w:r>
      <w:r w:rsidR="00560D11">
        <w:rPr>
          <w:rFonts w:ascii="Arial" w:hAnsi="Arial" w:cs="Arial"/>
        </w:rPr>
        <w:t xml:space="preserve"> </w:t>
      </w:r>
      <w:r w:rsidR="00E018C6">
        <w:rPr>
          <w:rFonts w:ascii="Arial" w:hAnsi="Arial" w:cs="Arial"/>
        </w:rPr>
        <w:t>M</w:t>
      </w:r>
      <w:r w:rsidR="00560D11">
        <w:rPr>
          <w:rFonts w:ascii="Arial" w:hAnsi="Arial" w:cs="Arial"/>
        </w:rPr>
        <w:t>in.)</w:t>
      </w:r>
      <w:r w:rsidR="009B3ACF">
        <w:rPr>
          <w:rFonts w:ascii="Arial" w:hAnsi="Arial" w:cs="Arial"/>
        </w:rPr>
        <w:t>.</w:t>
      </w:r>
    </w:p>
    <w:p w14:paraId="2C699E7B" w14:textId="3ECDAA4F" w:rsidR="00560D11" w:rsidRDefault="00560D11" w:rsidP="008229A6">
      <w:pPr>
        <w:spacing w:line="276" w:lineRule="auto"/>
        <w:rPr>
          <w:rFonts w:ascii="Arial" w:hAnsi="Arial" w:cs="Arial"/>
          <w:sz w:val="20"/>
          <w:szCs w:val="20"/>
        </w:rPr>
      </w:pPr>
      <w:bookmarkStart w:id="0" w:name="OLE_LINK5"/>
      <w:bookmarkStart w:id="1" w:name="OLE_LINK6"/>
    </w:p>
    <w:p w14:paraId="730B7648" w14:textId="77777777" w:rsidR="00561465" w:rsidRPr="00AB08F3" w:rsidRDefault="00561465" w:rsidP="008229A6">
      <w:pPr>
        <w:spacing w:line="276" w:lineRule="auto"/>
        <w:rPr>
          <w:rFonts w:ascii="Arial" w:hAnsi="Arial" w:cs="Arial"/>
          <w:sz w:val="20"/>
          <w:szCs w:val="20"/>
        </w:rPr>
      </w:pPr>
    </w:p>
    <w:p w14:paraId="1267355E" w14:textId="513D0159" w:rsidR="0057503B" w:rsidRPr="00AB08F3" w:rsidRDefault="00DF5C94" w:rsidP="008229A6">
      <w:pPr>
        <w:spacing w:line="276" w:lineRule="auto"/>
        <w:rPr>
          <w:rFonts w:ascii="Arial" w:hAnsi="Arial" w:cs="Arial"/>
          <w:b/>
          <w:bCs/>
        </w:rPr>
      </w:pPr>
      <w:r w:rsidRPr="00AB08F3">
        <w:rPr>
          <w:rFonts w:ascii="Arial" w:hAnsi="Arial" w:cs="Arial"/>
          <w:b/>
          <w:bCs/>
        </w:rPr>
        <w:t xml:space="preserve">2. </w:t>
      </w:r>
      <w:r w:rsidR="00613522" w:rsidRPr="00AB08F3">
        <w:rPr>
          <w:rFonts w:ascii="Arial" w:hAnsi="Arial" w:cs="Arial"/>
          <w:b/>
          <w:bCs/>
        </w:rPr>
        <w:t>Vocabulaire</w:t>
      </w:r>
    </w:p>
    <w:p w14:paraId="089501DC" w14:textId="6C86359A" w:rsidR="008229A6" w:rsidRPr="002A1A20" w:rsidRDefault="005D1F51" w:rsidP="00AB08F3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Diese Wörter sollen dir helfen, das Video besser zu verstehen. </w:t>
      </w:r>
      <w:r w:rsidR="002A1A20" w:rsidRPr="002A1A20">
        <w:rPr>
          <w:rFonts w:ascii="Arial" w:hAnsi="Arial" w:cs="Arial"/>
        </w:rPr>
        <w:t>Hoppla</w:t>
      </w:r>
      <w:r w:rsidR="002F17D2" w:rsidRPr="002A1A20">
        <w:rPr>
          <w:rFonts w:ascii="Arial" w:hAnsi="Arial" w:cs="Arial"/>
        </w:rPr>
        <w:t xml:space="preserve">! Die </w:t>
      </w:r>
      <w:r w:rsidR="009422AF" w:rsidRPr="002A1A20">
        <w:rPr>
          <w:rFonts w:ascii="Arial" w:hAnsi="Arial" w:cs="Arial"/>
        </w:rPr>
        <w:t xml:space="preserve">Buchstaben der </w:t>
      </w:r>
      <w:r w:rsidR="002F17D2" w:rsidRPr="002A1A20">
        <w:rPr>
          <w:rFonts w:ascii="Arial" w:hAnsi="Arial" w:cs="Arial"/>
        </w:rPr>
        <w:t>deutsche</w:t>
      </w:r>
      <w:r w:rsidR="009422AF" w:rsidRPr="002A1A20">
        <w:rPr>
          <w:rFonts w:ascii="Arial" w:hAnsi="Arial" w:cs="Arial"/>
        </w:rPr>
        <w:t xml:space="preserve">n Wörter </w:t>
      </w:r>
      <w:r w:rsidR="002A1A20">
        <w:rPr>
          <w:rFonts w:ascii="Arial" w:hAnsi="Arial" w:cs="Arial"/>
        </w:rPr>
        <w:t xml:space="preserve">sind </w:t>
      </w:r>
      <w:r w:rsidR="00245DD8">
        <w:rPr>
          <w:rFonts w:ascii="Arial" w:hAnsi="Arial" w:cs="Arial"/>
        </w:rPr>
        <w:t>durcheinandergeraten</w:t>
      </w:r>
      <w:r w:rsidR="002A1A20">
        <w:rPr>
          <w:rFonts w:ascii="Arial" w:hAnsi="Arial" w:cs="Arial"/>
        </w:rPr>
        <w:t xml:space="preserve">. </w:t>
      </w:r>
      <w:r w:rsidR="001B0BED">
        <w:rPr>
          <w:rFonts w:ascii="Arial" w:hAnsi="Arial" w:cs="Arial"/>
        </w:rPr>
        <w:t xml:space="preserve">Findest du die richtige Reihenfolge? Schreibe die deutsche Übersetzung auf die Linie. </w:t>
      </w:r>
      <w:r w:rsidR="009422AF" w:rsidRPr="002A1A20">
        <w:rPr>
          <w:rFonts w:ascii="Arial" w:hAnsi="Arial" w:cs="Arial"/>
        </w:rPr>
        <w:t xml:space="preserve"> </w:t>
      </w:r>
    </w:p>
    <w:p w14:paraId="5774FDE8" w14:textId="77777777" w:rsidR="00DA4460" w:rsidRPr="00AB08F3" w:rsidRDefault="00DA4460" w:rsidP="008229A6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3E3D94D5" w14:textId="452B1592" w:rsidR="00DA4460" w:rsidRDefault="001B0BED" w:rsidP="008229A6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(</w:t>
      </w:r>
      <w:r w:rsidRPr="00B14334">
        <w:rPr>
          <w:rFonts w:ascii="Arial" w:hAnsi="Arial" w:cs="Arial"/>
          <w:lang w:val="fr-CH"/>
        </w:rPr>
        <w:t>hSekne</w:t>
      </w:r>
      <w:r w:rsidR="00CC33C6" w:rsidRPr="00B14334">
        <w:rPr>
          <w:rFonts w:ascii="Arial" w:hAnsi="Arial" w:cs="Arial"/>
          <w:lang w:val="fr-CH"/>
        </w:rPr>
        <w:t>e</w:t>
      </w:r>
      <w:r w:rsidRPr="00B14334">
        <w:rPr>
          <w:rFonts w:ascii="Arial" w:hAnsi="Arial" w:cs="Arial"/>
          <w:lang w:val="fr-CH"/>
        </w:rPr>
        <w:t>swüd</w:t>
      </w:r>
      <w:r w:rsidR="00CC33C6" w:rsidRPr="00B14334">
        <w:rPr>
          <w:rFonts w:ascii="Arial" w:hAnsi="Arial" w:cs="Arial"/>
          <w:lang w:val="fr-CH"/>
        </w:rPr>
        <w:t>r</w:t>
      </w:r>
      <w:r w:rsidRPr="00B14334">
        <w:rPr>
          <w:rFonts w:ascii="Arial" w:hAnsi="Arial" w:cs="Arial"/>
          <w:lang w:val="fr-CH"/>
        </w:rPr>
        <w:t>iigtne</w:t>
      </w:r>
      <w:r>
        <w:rPr>
          <w:rFonts w:ascii="Arial" w:hAnsi="Arial" w:cs="Arial"/>
          <w:lang w:val="fr-CH"/>
        </w:rPr>
        <w:t>)</w:t>
      </w:r>
      <w:r w:rsidR="00DF0AFC">
        <w:rPr>
          <w:rFonts w:ascii="Arial" w:hAnsi="Arial" w:cs="Arial"/>
          <w:lang w:val="fr-CH"/>
        </w:rPr>
        <w:tab/>
      </w:r>
      <w:r w:rsidR="00FF1CA8">
        <w:rPr>
          <w:rFonts w:ascii="Arial" w:hAnsi="Arial" w:cs="Arial"/>
          <w:lang w:val="fr-CH"/>
        </w:rPr>
        <w:t>_________________</w:t>
      </w:r>
      <w:r w:rsidR="00245DD8">
        <w:rPr>
          <w:rFonts w:ascii="Arial" w:hAnsi="Arial" w:cs="Arial"/>
          <w:lang w:val="fr-CH"/>
        </w:rPr>
        <w:tab/>
        <w:t>=</w:t>
      </w:r>
      <w:r w:rsidR="00245DD8">
        <w:rPr>
          <w:rFonts w:ascii="Arial" w:hAnsi="Arial" w:cs="Arial"/>
          <w:lang w:val="fr-CH"/>
        </w:rPr>
        <w:tab/>
      </w:r>
      <w:r w:rsidR="00DA4460" w:rsidRPr="00DA4460">
        <w:rPr>
          <w:rFonts w:ascii="Arial" w:hAnsi="Arial" w:cs="Arial"/>
          <w:lang w:val="fr-CH"/>
        </w:rPr>
        <w:t xml:space="preserve">les attractions </w:t>
      </w:r>
      <w:r w:rsidR="007A6824">
        <w:rPr>
          <w:rFonts w:ascii="Arial" w:hAnsi="Arial" w:cs="Arial"/>
          <w:lang w:val="fr-CH"/>
        </w:rPr>
        <w:tab/>
      </w:r>
    </w:p>
    <w:p w14:paraId="5B838A44" w14:textId="75DA27AB" w:rsidR="003128BC" w:rsidRDefault="00DF0AFC" w:rsidP="008229A6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(lSho</w:t>
      </w:r>
      <w:r w:rsidR="00A144C2">
        <w:rPr>
          <w:rFonts w:ascii="Arial" w:hAnsi="Arial" w:cs="Arial"/>
          <w:lang w:val="fr-CH"/>
        </w:rPr>
        <w:t>s</w:t>
      </w:r>
      <w:r>
        <w:rPr>
          <w:rFonts w:ascii="Arial" w:hAnsi="Arial" w:cs="Arial"/>
          <w:lang w:val="fr-CH"/>
        </w:rPr>
        <w:t>cs)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 w:rsidR="00FF1CA8">
        <w:rPr>
          <w:rFonts w:ascii="Arial" w:hAnsi="Arial" w:cs="Arial"/>
          <w:lang w:val="fr-CH"/>
        </w:rPr>
        <w:t>_________________</w:t>
      </w:r>
      <w:r w:rsidR="00245DD8">
        <w:rPr>
          <w:rFonts w:ascii="Arial" w:hAnsi="Arial" w:cs="Arial"/>
          <w:lang w:val="fr-CH"/>
        </w:rPr>
        <w:tab/>
        <w:t>=</w:t>
      </w:r>
      <w:r w:rsidR="00245DD8">
        <w:rPr>
          <w:rFonts w:ascii="Arial" w:hAnsi="Arial" w:cs="Arial"/>
          <w:lang w:val="fr-CH"/>
        </w:rPr>
        <w:tab/>
      </w:r>
      <w:r w:rsidR="003128BC">
        <w:rPr>
          <w:rFonts w:ascii="Arial" w:hAnsi="Arial" w:cs="Arial"/>
          <w:lang w:val="fr-CH"/>
        </w:rPr>
        <w:t>un cadenas</w:t>
      </w:r>
      <w:r w:rsidR="003128BC">
        <w:rPr>
          <w:rFonts w:ascii="Arial" w:hAnsi="Arial" w:cs="Arial"/>
          <w:lang w:val="fr-CH"/>
        </w:rPr>
        <w:tab/>
      </w:r>
    </w:p>
    <w:p w14:paraId="605C3934" w14:textId="05C54751" w:rsidR="003128BC" w:rsidRPr="00DA4460" w:rsidRDefault="00DF0AFC" w:rsidP="008229A6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(aPra)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bookmarkStart w:id="2" w:name="OLE_LINK1"/>
      <w:bookmarkStart w:id="3" w:name="OLE_LINK2"/>
      <w:r w:rsidR="00FF1CA8">
        <w:rPr>
          <w:rFonts w:ascii="Arial" w:hAnsi="Arial" w:cs="Arial"/>
          <w:lang w:val="fr-CH"/>
        </w:rPr>
        <w:t>_________________</w:t>
      </w:r>
      <w:bookmarkEnd w:id="2"/>
      <w:bookmarkEnd w:id="3"/>
      <w:r w:rsidR="00245DD8">
        <w:rPr>
          <w:rFonts w:ascii="Arial" w:hAnsi="Arial" w:cs="Arial"/>
          <w:lang w:val="fr-CH"/>
        </w:rPr>
        <w:tab/>
        <w:t xml:space="preserve">= </w:t>
      </w:r>
      <w:r w:rsidR="00245DD8">
        <w:rPr>
          <w:rFonts w:ascii="Arial" w:hAnsi="Arial" w:cs="Arial"/>
          <w:lang w:val="fr-CH"/>
        </w:rPr>
        <w:tab/>
      </w:r>
      <w:r w:rsidR="003128BC">
        <w:rPr>
          <w:rFonts w:ascii="Arial" w:hAnsi="Arial" w:cs="Arial"/>
          <w:lang w:val="fr-CH"/>
        </w:rPr>
        <w:t>un couple</w:t>
      </w:r>
    </w:p>
    <w:p w14:paraId="67292E88" w14:textId="55462AF0" w:rsidR="000F79CD" w:rsidRDefault="00DF0AFC" w:rsidP="008229A6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(c</w:t>
      </w:r>
      <w:r w:rsidR="00E20BC4">
        <w:rPr>
          <w:rFonts w:ascii="Arial" w:hAnsi="Arial" w:cs="Arial"/>
          <w:lang w:val="fr-CH"/>
        </w:rPr>
        <w:t>s</w:t>
      </w:r>
      <w:r>
        <w:rPr>
          <w:rFonts w:ascii="Arial" w:hAnsi="Arial" w:cs="Arial"/>
          <w:lang w:val="fr-CH"/>
        </w:rPr>
        <w:t>hdiwelnefri)</w:t>
      </w:r>
      <w:r>
        <w:rPr>
          <w:rFonts w:ascii="Arial" w:hAnsi="Arial" w:cs="Arial"/>
          <w:lang w:val="fr-CH"/>
        </w:rPr>
        <w:tab/>
      </w:r>
      <w:r w:rsidR="007A6824">
        <w:rPr>
          <w:rFonts w:ascii="Arial" w:hAnsi="Arial" w:cs="Arial"/>
          <w:lang w:val="fr-CH"/>
        </w:rPr>
        <w:tab/>
        <w:t>_________________</w:t>
      </w:r>
      <w:r w:rsidR="00FF1CA8" w:rsidRPr="00FF1CA8">
        <w:rPr>
          <w:rFonts w:ascii="Arial" w:hAnsi="Arial" w:cs="Arial"/>
          <w:lang w:val="fr-CH"/>
        </w:rPr>
        <w:t xml:space="preserve"> </w:t>
      </w:r>
      <w:r w:rsidR="00245DD8">
        <w:rPr>
          <w:rFonts w:ascii="Arial" w:hAnsi="Arial" w:cs="Arial"/>
          <w:lang w:val="fr-CH"/>
        </w:rPr>
        <w:tab/>
        <w:t>=</w:t>
      </w:r>
      <w:r w:rsidR="00245DD8">
        <w:rPr>
          <w:rFonts w:ascii="Arial" w:hAnsi="Arial" w:cs="Arial"/>
          <w:lang w:val="fr-CH"/>
        </w:rPr>
        <w:tab/>
      </w:r>
      <w:r w:rsidR="00FF1CA8">
        <w:rPr>
          <w:rFonts w:ascii="Arial" w:hAnsi="Arial" w:cs="Arial"/>
          <w:lang w:val="fr-CH"/>
        </w:rPr>
        <w:t>la peur du vide</w:t>
      </w:r>
      <w:r w:rsidR="00E235C9">
        <w:rPr>
          <w:rFonts w:ascii="Arial" w:hAnsi="Arial" w:cs="Arial"/>
          <w:lang w:val="fr-CH"/>
        </w:rPr>
        <w:tab/>
      </w:r>
    </w:p>
    <w:p w14:paraId="4A470C88" w14:textId="24BAEC29" w:rsidR="008229A6" w:rsidRPr="00B020DF" w:rsidRDefault="00DF0AFC" w:rsidP="008229A6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(sbeieegln)</w:t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ab/>
        <w:t>_________________</w:t>
      </w:r>
      <w:r>
        <w:rPr>
          <w:rFonts w:ascii="Arial" w:hAnsi="Arial" w:cs="Arial"/>
          <w:lang w:val="fr-CH"/>
        </w:rPr>
        <w:tab/>
      </w:r>
      <w:r w:rsidR="00245DD8">
        <w:rPr>
          <w:rFonts w:ascii="Arial" w:hAnsi="Arial" w:cs="Arial"/>
          <w:lang w:val="fr-CH"/>
        </w:rPr>
        <w:t>=</w:t>
      </w:r>
      <w:r w:rsidR="00245DD8">
        <w:rPr>
          <w:rFonts w:ascii="Arial" w:hAnsi="Arial" w:cs="Arial"/>
          <w:lang w:val="fr-CH"/>
        </w:rPr>
        <w:tab/>
      </w:r>
      <w:r w:rsidR="00AA58DF">
        <w:rPr>
          <w:rFonts w:ascii="Arial" w:hAnsi="Arial" w:cs="Arial"/>
          <w:lang w:val="fr-CH"/>
        </w:rPr>
        <w:t>sceller</w:t>
      </w:r>
      <w:r w:rsidR="00AA58DF">
        <w:rPr>
          <w:rFonts w:ascii="Arial" w:hAnsi="Arial" w:cs="Arial"/>
          <w:lang w:val="fr-CH"/>
        </w:rPr>
        <w:tab/>
      </w:r>
      <w:r w:rsidR="007A6824">
        <w:rPr>
          <w:rFonts w:ascii="Arial" w:hAnsi="Arial" w:cs="Arial"/>
          <w:lang w:val="fr-CH"/>
        </w:rPr>
        <w:tab/>
      </w:r>
      <w:bookmarkStart w:id="4" w:name="OLE_LINK3"/>
      <w:bookmarkStart w:id="5" w:name="OLE_LINK4"/>
      <w:bookmarkEnd w:id="0"/>
      <w:bookmarkEnd w:id="1"/>
      <w:r w:rsidR="006023D9">
        <w:rPr>
          <w:rFonts w:ascii="Arial" w:hAnsi="Arial" w:cs="Arial"/>
          <w:lang w:val="fr-CH"/>
        </w:rPr>
        <w:tab/>
      </w:r>
    </w:p>
    <w:bookmarkEnd w:id="4"/>
    <w:bookmarkEnd w:id="5"/>
    <w:p w14:paraId="22B8A496" w14:textId="46707823" w:rsidR="008229A6" w:rsidRPr="00AB08F3" w:rsidRDefault="008229A6" w:rsidP="008229A6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63BDAE01" w14:textId="77777777" w:rsidR="00AB08F3" w:rsidRPr="00AB08F3" w:rsidRDefault="00AB08F3" w:rsidP="008229A6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2FF53F25" w14:textId="41E4BF49" w:rsidR="001542F8" w:rsidRDefault="00DF5C94" w:rsidP="008229A6">
      <w:pPr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t>3</w:t>
      </w:r>
      <w:r w:rsidR="008229A6" w:rsidRPr="00B728E6">
        <w:rPr>
          <w:rFonts w:ascii="Arial" w:hAnsi="Arial" w:cs="Arial"/>
          <w:b/>
          <w:bCs/>
          <w:lang w:val="fr-CH"/>
        </w:rPr>
        <w:t xml:space="preserve">. </w:t>
      </w:r>
      <w:r w:rsidR="00E20BC4">
        <w:rPr>
          <w:rFonts w:ascii="Arial" w:hAnsi="Arial" w:cs="Arial"/>
          <w:b/>
          <w:bCs/>
          <w:lang w:val="fr-CH"/>
        </w:rPr>
        <w:t>C</w:t>
      </w:r>
      <w:r w:rsidR="00DA4460">
        <w:rPr>
          <w:rFonts w:ascii="Arial" w:hAnsi="Arial" w:cs="Arial"/>
          <w:b/>
          <w:bCs/>
          <w:lang w:val="fr-CH"/>
        </w:rPr>
        <w:t>onnais</w:t>
      </w:r>
      <w:r w:rsidR="00E20BC4">
        <w:rPr>
          <w:rFonts w:ascii="Arial" w:hAnsi="Arial" w:cs="Arial"/>
          <w:b/>
          <w:bCs/>
          <w:lang w:val="fr-CH"/>
        </w:rPr>
        <w:t>-tu</w:t>
      </w:r>
      <w:r w:rsidR="00DA4460">
        <w:rPr>
          <w:rFonts w:ascii="Arial" w:hAnsi="Arial" w:cs="Arial"/>
          <w:b/>
          <w:bCs/>
          <w:lang w:val="fr-CH"/>
        </w:rPr>
        <w:t xml:space="preserve"> bien Paris? </w:t>
      </w:r>
    </w:p>
    <w:p w14:paraId="208EC68A" w14:textId="3CA51F20" w:rsidR="008229A6" w:rsidRDefault="00276FEF" w:rsidP="008229A6">
      <w:pPr>
        <w:spacing w:line="276" w:lineRule="auto"/>
        <w:rPr>
          <w:rFonts w:ascii="Arial" w:hAnsi="Arial" w:cs="Arial"/>
        </w:rPr>
      </w:pPr>
      <w:r w:rsidRPr="000E6D4B">
        <w:rPr>
          <w:rFonts w:ascii="Arial" w:hAnsi="Arial" w:cs="Arial"/>
        </w:rPr>
        <w:t xml:space="preserve">Bilde sechs korrekte Sätze über Paris und schreibe die Sätze auf die </w:t>
      </w:r>
      <w:r w:rsidR="000E6D4B" w:rsidRPr="000E6D4B">
        <w:rPr>
          <w:rFonts w:ascii="Arial" w:hAnsi="Arial" w:cs="Arial"/>
        </w:rPr>
        <w:t>Linien.</w:t>
      </w:r>
    </w:p>
    <w:p w14:paraId="206370E1" w14:textId="0186A044" w:rsidR="00DA4460" w:rsidRPr="00AB08F3" w:rsidRDefault="00DA4460" w:rsidP="008229A6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1313"/>
        <w:gridCol w:w="1805"/>
        <w:gridCol w:w="1263"/>
        <w:gridCol w:w="1754"/>
        <w:gridCol w:w="1475"/>
        <w:gridCol w:w="1746"/>
      </w:tblGrid>
      <w:tr w:rsidR="002942BC" w:rsidRPr="00615B4D" w14:paraId="35AB340E" w14:textId="77777777" w:rsidTr="00F42384">
        <w:trPr>
          <w:trHeight w:val="532"/>
        </w:trPr>
        <w:tc>
          <w:tcPr>
            <w:tcW w:w="1273" w:type="dxa"/>
            <w:shd w:val="clear" w:color="auto" w:fill="D9D9D9" w:themeFill="background1" w:themeFillShade="D9"/>
          </w:tcPr>
          <w:p w14:paraId="13EEDB41" w14:textId="582DCB93" w:rsidR="002942BC" w:rsidRPr="00AB08F3" w:rsidRDefault="002942BC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>Paris</w:t>
            </w:r>
            <w:r w:rsidR="005F05A8" w:rsidRPr="00AB08F3">
              <w:rPr>
                <w:rFonts w:ascii="Arial" w:hAnsi="Arial" w:cs="Arial"/>
                <w:lang w:val="fr-CH"/>
              </w:rPr>
              <w:t>…</w:t>
            </w:r>
          </w:p>
        </w:tc>
        <w:tc>
          <w:tcPr>
            <w:tcW w:w="1750" w:type="dxa"/>
          </w:tcPr>
          <w:p w14:paraId="4D5E01E3" w14:textId="0CBB19DD" w:rsidR="002942BC" w:rsidRPr="00AB08F3" w:rsidRDefault="008B54BB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 xml:space="preserve">est </w:t>
            </w:r>
            <w:r w:rsidR="00D707F8" w:rsidRPr="00AB08F3">
              <w:rPr>
                <w:rFonts w:ascii="Arial" w:hAnsi="Arial" w:cs="Arial"/>
                <w:lang w:val="fr-CH"/>
              </w:rPr>
              <w:t xml:space="preserve">une </w:t>
            </w:r>
            <w:r w:rsidR="005208BF" w:rsidRPr="00AB08F3">
              <w:rPr>
                <w:rFonts w:ascii="Arial" w:hAnsi="Arial" w:cs="Arial"/>
                <w:lang w:val="fr-CH"/>
              </w:rPr>
              <w:t xml:space="preserve">très célèbre </w:t>
            </w:r>
            <w:r w:rsidRPr="00AB08F3">
              <w:rPr>
                <w:rFonts w:ascii="Arial" w:hAnsi="Arial" w:cs="Arial"/>
                <w:lang w:val="fr-CH"/>
              </w:rPr>
              <w:t>cathédrale</w:t>
            </w:r>
            <w:r w:rsidR="00D707F8" w:rsidRPr="00AB08F3">
              <w:rPr>
                <w:rFonts w:ascii="Arial" w:hAnsi="Arial" w:cs="Arial"/>
                <w:lang w:val="fr-CH"/>
              </w:rPr>
              <w:t xml:space="preserve">. </w:t>
            </w:r>
          </w:p>
        </w:tc>
        <w:tc>
          <w:tcPr>
            <w:tcW w:w="1225" w:type="dxa"/>
            <w:shd w:val="clear" w:color="auto" w:fill="D9D9D9" w:themeFill="background1" w:themeFillShade="D9"/>
          </w:tcPr>
          <w:p w14:paraId="2A7B40ED" w14:textId="0E27172C" w:rsidR="002942BC" w:rsidRPr="00AB08F3" w:rsidRDefault="00B07698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>L</w:t>
            </w:r>
            <w:r w:rsidR="00DA3F96" w:rsidRPr="00AB08F3">
              <w:rPr>
                <w:rFonts w:ascii="Arial" w:hAnsi="Arial" w:cs="Arial"/>
                <w:lang w:val="fr-CH"/>
              </w:rPr>
              <w:t>a</w:t>
            </w:r>
            <w:r w:rsidRPr="00AB08F3">
              <w:rPr>
                <w:rFonts w:ascii="Arial" w:hAnsi="Arial" w:cs="Arial"/>
                <w:lang w:val="fr-CH"/>
              </w:rPr>
              <w:t xml:space="preserve"> tour Eiffel</w:t>
            </w:r>
            <w:r w:rsidR="005F05A8" w:rsidRPr="00AB08F3">
              <w:rPr>
                <w:rFonts w:ascii="Arial" w:hAnsi="Arial" w:cs="Arial"/>
                <w:lang w:val="fr-CH"/>
              </w:rPr>
              <w:t>…</w:t>
            </w:r>
          </w:p>
        </w:tc>
        <w:tc>
          <w:tcPr>
            <w:tcW w:w="1701" w:type="dxa"/>
          </w:tcPr>
          <w:p w14:paraId="5576874F" w14:textId="3D0048AA" w:rsidR="002942BC" w:rsidRPr="00AB08F3" w:rsidRDefault="00133F6A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 xml:space="preserve">est </w:t>
            </w:r>
            <w:r w:rsidR="009472C2" w:rsidRPr="00AB08F3">
              <w:rPr>
                <w:rFonts w:ascii="Arial" w:hAnsi="Arial" w:cs="Arial"/>
                <w:lang w:val="fr-CH"/>
              </w:rPr>
              <w:t>exposé</w:t>
            </w:r>
            <w:r w:rsidR="00DA0E64" w:rsidRPr="00AB08F3">
              <w:rPr>
                <w:rFonts w:ascii="Arial" w:hAnsi="Arial" w:cs="Arial"/>
                <w:lang w:val="fr-CH"/>
              </w:rPr>
              <w:t xml:space="preserve"> au musée du Louvre. </w:t>
            </w:r>
            <w:r w:rsidR="009472C2" w:rsidRPr="00AB08F3">
              <w:rPr>
                <w:rFonts w:ascii="Arial" w:hAnsi="Arial" w:cs="Arial"/>
                <w:lang w:val="fr-CH"/>
              </w:rPr>
              <w:t xml:space="preserve"> </w:t>
            </w:r>
            <w:r w:rsidR="00F5151D" w:rsidRPr="00AB08F3">
              <w:rPr>
                <w:rFonts w:ascii="Arial" w:hAnsi="Arial" w:cs="Arial"/>
                <w:lang w:val="fr-CH"/>
              </w:rPr>
              <w:t xml:space="preserve"> </w:t>
            </w:r>
          </w:p>
        </w:tc>
        <w:tc>
          <w:tcPr>
            <w:tcW w:w="1430" w:type="dxa"/>
            <w:shd w:val="clear" w:color="auto" w:fill="D9D9D9" w:themeFill="background1" w:themeFillShade="D9"/>
          </w:tcPr>
          <w:p w14:paraId="3F31B8EB" w14:textId="4173205C" w:rsidR="002942BC" w:rsidRPr="00AB08F3" w:rsidRDefault="002914A1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>L</w:t>
            </w:r>
            <w:r w:rsidR="00F07403" w:rsidRPr="00AB08F3">
              <w:rPr>
                <w:rFonts w:ascii="Arial" w:hAnsi="Arial" w:cs="Arial"/>
                <w:lang w:val="fr-CH"/>
              </w:rPr>
              <w:t xml:space="preserve">’avenue </w:t>
            </w:r>
            <w:r w:rsidR="002C380B" w:rsidRPr="00AB08F3">
              <w:rPr>
                <w:rFonts w:ascii="Arial" w:hAnsi="Arial" w:cs="Arial"/>
                <w:lang w:val="fr-CH"/>
              </w:rPr>
              <w:t xml:space="preserve">des </w:t>
            </w:r>
            <w:r w:rsidR="00E66B8F" w:rsidRPr="00AB08F3">
              <w:rPr>
                <w:rFonts w:ascii="Arial" w:hAnsi="Arial" w:cs="Arial"/>
                <w:lang w:val="fr-CH"/>
              </w:rPr>
              <w:t>Champs-Élysées</w:t>
            </w:r>
          </w:p>
        </w:tc>
        <w:tc>
          <w:tcPr>
            <w:tcW w:w="1693" w:type="dxa"/>
          </w:tcPr>
          <w:p w14:paraId="387B1905" w14:textId="5F200258" w:rsidR="002942BC" w:rsidRPr="00AB08F3" w:rsidRDefault="00660A0D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 xml:space="preserve">est </w:t>
            </w:r>
            <w:r w:rsidR="00ED45E5" w:rsidRPr="00AB08F3">
              <w:rPr>
                <w:rFonts w:ascii="Arial" w:hAnsi="Arial" w:cs="Arial"/>
                <w:lang w:val="fr-CH"/>
              </w:rPr>
              <w:t>un</w:t>
            </w:r>
            <w:r w:rsidR="0048105D" w:rsidRPr="00AB08F3">
              <w:rPr>
                <w:rFonts w:ascii="Arial" w:hAnsi="Arial" w:cs="Arial"/>
                <w:lang w:val="fr-CH"/>
              </w:rPr>
              <w:t xml:space="preserve"> club de foot</w:t>
            </w:r>
            <w:r w:rsidR="002914A1" w:rsidRPr="00AB08F3">
              <w:rPr>
                <w:rFonts w:ascii="Arial" w:hAnsi="Arial" w:cs="Arial"/>
                <w:lang w:val="fr-CH"/>
              </w:rPr>
              <w:t xml:space="preserve">ball à Paris. </w:t>
            </w:r>
          </w:p>
          <w:p w14:paraId="718FD354" w14:textId="0EB7B3D8" w:rsidR="00DE66B9" w:rsidRPr="00AB08F3" w:rsidRDefault="00DE66B9" w:rsidP="005D1F51">
            <w:pPr>
              <w:rPr>
                <w:rFonts w:ascii="Arial" w:hAnsi="Arial" w:cs="Arial"/>
                <w:lang w:val="fr-CH"/>
              </w:rPr>
            </w:pPr>
          </w:p>
        </w:tc>
      </w:tr>
      <w:tr w:rsidR="002942BC" w:rsidRPr="00615B4D" w14:paraId="1397B2EF" w14:textId="77777777" w:rsidTr="00F42384">
        <w:trPr>
          <w:trHeight w:val="516"/>
        </w:trPr>
        <w:tc>
          <w:tcPr>
            <w:tcW w:w="1273" w:type="dxa"/>
            <w:shd w:val="clear" w:color="auto" w:fill="D9D9D9" w:themeFill="background1" w:themeFillShade="D9"/>
          </w:tcPr>
          <w:p w14:paraId="03F8BE5A" w14:textId="416A4FC3" w:rsidR="002942BC" w:rsidRPr="00AB08F3" w:rsidRDefault="00DA0E64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 xml:space="preserve">Le </w:t>
            </w:r>
            <w:r w:rsidR="00E20BC4" w:rsidRPr="00AB08F3">
              <w:rPr>
                <w:rFonts w:ascii="Arial" w:hAnsi="Arial" w:cs="Arial"/>
                <w:lang w:val="fr-CH"/>
              </w:rPr>
              <w:t>portait</w:t>
            </w:r>
            <w:r w:rsidRPr="00AB08F3">
              <w:rPr>
                <w:rFonts w:ascii="Arial" w:hAnsi="Arial" w:cs="Arial"/>
                <w:lang w:val="fr-CH"/>
              </w:rPr>
              <w:t xml:space="preserve"> de </w:t>
            </w:r>
            <w:r w:rsidR="00031DBC" w:rsidRPr="00AB08F3">
              <w:rPr>
                <w:rFonts w:ascii="Arial" w:hAnsi="Arial" w:cs="Arial"/>
                <w:lang w:val="fr-CH"/>
              </w:rPr>
              <w:t>Mona Lisa</w:t>
            </w:r>
            <w:r w:rsidR="009472C2" w:rsidRPr="00AB08F3">
              <w:rPr>
                <w:rFonts w:ascii="Arial" w:hAnsi="Arial" w:cs="Arial"/>
                <w:lang w:val="fr-CH"/>
              </w:rPr>
              <w:t>…</w:t>
            </w:r>
            <w:r w:rsidR="00791737" w:rsidRPr="00AB08F3">
              <w:rPr>
                <w:rFonts w:ascii="Arial" w:hAnsi="Arial" w:cs="Arial"/>
                <w:lang w:val="fr-CH"/>
              </w:rPr>
              <w:t xml:space="preserve"> </w:t>
            </w:r>
            <w:r w:rsidR="00015105" w:rsidRPr="00AB08F3">
              <w:rPr>
                <w:rFonts w:ascii="Arial" w:hAnsi="Arial" w:cs="Arial"/>
                <w:lang w:val="fr-CH"/>
              </w:rPr>
              <w:t xml:space="preserve"> </w:t>
            </w:r>
          </w:p>
        </w:tc>
        <w:tc>
          <w:tcPr>
            <w:tcW w:w="1750" w:type="dxa"/>
          </w:tcPr>
          <w:p w14:paraId="78AB3E2F" w14:textId="225C9645" w:rsidR="002942BC" w:rsidRPr="00AB08F3" w:rsidRDefault="006320E5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 xml:space="preserve">est la capitale de la </w:t>
            </w:r>
            <w:r w:rsidR="002666CE" w:rsidRPr="00AB08F3">
              <w:rPr>
                <w:rFonts w:ascii="Arial" w:hAnsi="Arial" w:cs="Arial"/>
                <w:lang w:val="fr-CH"/>
              </w:rPr>
              <w:t>France.</w:t>
            </w:r>
          </w:p>
        </w:tc>
        <w:tc>
          <w:tcPr>
            <w:tcW w:w="1225" w:type="dxa"/>
            <w:shd w:val="clear" w:color="auto" w:fill="D9D9D9" w:themeFill="background1" w:themeFillShade="D9"/>
          </w:tcPr>
          <w:p w14:paraId="5C7D99D1" w14:textId="62187E09" w:rsidR="002942BC" w:rsidRPr="00AB08F3" w:rsidRDefault="00373660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>Notre-Dame</w:t>
            </w:r>
            <w:r w:rsidR="004B3FAC" w:rsidRPr="00AB08F3">
              <w:rPr>
                <w:rFonts w:ascii="Arial" w:hAnsi="Arial" w:cs="Arial"/>
                <w:lang w:val="fr-CH"/>
              </w:rPr>
              <w:t>…</w:t>
            </w:r>
          </w:p>
        </w:tc>
        <w:tc>
          <w:tcPr>
            <w:tcW w:w="1701" w:type="dxa"/>
          </w:tcPr>
          <w:p w14:paraId="5982D3CC" w14:textId="0F696E43" w:rsidR="002942BC" w:rsidRPr="00AB08F3" w:rsidRDefault="00283C88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 xml:space="preserve">est </w:t>
            </w:r>
            <w:r w:rsidR="00910DDE" w:rsidRPr="00AB08F3">
              <w:rPr>
                <w:rFonts w:ascii="Arial" w:hAnsi="Arial" w:cs="Arial"/>
                <w:lang w:val="fr-CH"/>
              </w:rPr>
              <w:t>une</w:t>
            </w:r>
            <w:r w:rsidR="00AB2938" w:rsidRPr="00AB08F3">
              <w:rPr>
                <w:rFonts w:ascii="Arial" w:hAnsi="Arial" w:cs="Arial"/>
                <w:lang w:val="fr-CH"/>
              </w:rPr>
              <w:t xml:space="preserve"> rue </w:t>
            </w:r>
            <w:r w:rsidR="00A517FC" w:rsidRPr="00AB08F3">
              <w:rPr>
                <w:rFonts w:ascii="Arial" w:hAnsi="Arial" w:cs="Arial"/>
                <w:lang w:val="fr-CH"/>
              </w:rPr>
              <w:t xml:space="preserve">très </w:t>
            </w:r>
            <w:r w:rsidR="00910DDE" w:rsidRPr="00AB08F3">
              <w:rPr>
                <w:rFonts w:ascii="Arial" w:hAnsi="Arial" w:cs="Arial"/>
                <w:lang w:val="fr-CH"/>
              </w:rPr>
              <w:t>connue à Paris</w:t>
            </w:r>
            <w:r w:rsidR="00F07403" w:rsidRPr="00AB08F3">
              <w:rPr>
                <w:rFonts w:ascii="Arial" w:hAnsi="Arial" w:cs="Arial"/>
                <w:lang w:val="fr-CH"/>
              </w:rPr>
              <w:t xml:space="preserve">. </w:t>
            </w:r>
          </w:p>
        </w:tc>
        <w:tc>
          <w:tcPr>
            <w:tcW w:w="1430" w:type="dxa"/>
            <w:shd w:val="clear" w:color="auto" w:fill="D9D9D9" w:themeFill="background1" w:themeFillShade="D9"/>
          </w:tcPr>
          <w:p w14:paraId="0B041008" w14:textId="3774DDE1" w:rsidR="002942BC" w:rsidRPr="00AB08F3" w:rsidRDefault="00660A0D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>Le FC Paris Saint-Germain</w:t>
            </w:r>
            <w:r w:rsidR="00ED45E5" w:rsidRPr="00AB08F3">
              <w:rPr>
                <w:rFonts w:ascii="Arial" w:hAnsi="Arial" w:cs="Arial"/>
                <w:lang w:val="fr-CH"/>
              </w:rPr>
              <w:t>…</w:t>
            </w:r>
            <w:r w:rsidRPr="00AB08F3">
              <w:rPr>
                <w:rFonts w:ascii="Arial" w:hAnsi="Arial" w:cs="Arial"/>
                <w:lang w:val="fr-CH"/>
              </w:rPr>
              <w:t xml:space="preserve"> </w:t>
            </w:r>
          </w:p>
        </w:tc>
        <w:tc>
          <w:tcPr>
            <w:tcW w:w="1693" w:type="dxa"/>
          </w:tcPr>
          <w:p w14:paraId="35E7AAFE" w14:textId="2D2757E8" w:rsidR="002942BC" w:rsidRPr="00AB08F3" w:rsidRDefault="000F5FA4" w:rsidP="005D1F51">
            <w:pPr>
              <w:rPr>
                <w:rFonts w:ascii="Arial" w:hAnsi="Arial" w:cs="Arial"/>
                <w:lang w:val="fr-CH"/>
              </w:rPr>
            </w:pPr>
            <w:r w:rsidRPr="00AB08F3">
              <w:rPr>
                <w:rFonts w:ascii="Arial" w:hAnsi="Arial" w:cs="Arial"/>
                <w:lang w:val="fr-CH"/>
              </w:rPr>
              <w:t>mesure 32</w:t>
            </w:r>
            <w:r w:rsidR="00D15A34" w:rsidRPr="00AB08F3">
              <w:rPr>
                <w:rFonts w:ascii="Arial" w:hAnsi="Arial" w:cs="Arial"/>
                <w:lang w:val="fr-CH"/>
              </w:rPr>
              <w:t>4</w:t>
            </w:r>
            <w:r w:rsidRPr="00AB08F3">
              <w:rPr>
                <w:rFonts w:ascii="Arial" w:hAnsi="Arial" w:cs="Arial"/>
                <w:lang w:val="fr-CH"/>
              </w:rPr>
              <w:t>m et</w:t>
            </w:r>
            <w:r w:rsidR="001A2ADD" w:rsidRPr="00AB08F3">
              <w:rPr>
                <w:rFonts w:ascii="Arial" w:hAnsi="Arial" w:cs="Arial"/>
                <w:lang w:val="fr-CH"/>
              </w:rPr>
              <w:t xml:space="preserve"> </w:t>
            </w:r>
            <w:r w:rsidR="005F05A8" w:rsidRPr="00AB08F3">
              <w:rPr>
                <w:rFonts w:ascii="Arial" w:hAnsi="Arial" w:cs="Arial"/>
                <w:lang w:val="fr-CH"/>
              </w:rPr>
              <w:t>pèse 10'100 tonnes.</w:t>
            </w:r>
            <w:r w:rsidRPr="00AB08F3">
              <w:rPr>
                <w:rFonts w:ascii="Arial" w:hAnsi="Arial" w:cs="Arial"/>
                <w:lang w:val="fr-CH"/>
              </w:rPr>
              <w:t xml:space="preserve"> </w:t>
            </w:r>
          </w:p>
        </w:tc>
      </w:tr>
    </w:tbl>
    <w:p w14:paraId="24BEF844" w14:textId="54BA36C5" w:rsidR="00893D90" w:rsidRPr="00AB08F3" w:rsidRDefault="00893D90" w:rsidP="008229A6">
      <w:pPr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793D10C4" w14:textId="42F5A50B" w:rsidR="005F4D07" w:rsidRDefault="002B1999" w:rsidP="00AB08F3">
      <w:pPr>
        <w:rPr>
          <w:rFonts w:ascii="Arial" w:hAnsi="Arial" w:cs="Arial"/>
          <w:lang w:val="fr-CH"/>
        </w:rPr>
      </w:pPr>
      <w:r w:rsidRPr="00C115EC">
        <w:rPr>
          <w:rFonts w:ascii="Arial" w:hAnsi="Arial" w:cs="Arial"/>
          <w:lang w:val="fr-CH"/>
        </w:rPr>
        <w:t>Paris</w:t>
      </w:r>
      <w:r w:rsidR="00137082" w:rsidRPr="00C115EC">
        <w:rPr>
          <w:rFonts w:ascii="Arial" w:hAnsi="Arial" w:cs="Arial"/>
          <w:lang w:val="fr-CH"/>
        </w:rPr>
        <w:t xml:space="preserve"> est</w:t>
      </w:r>
      <w:r w:rsidR="000A440E">
        <w:rPr>
          <w:rFonts w:ascii="Arial" w:hAnsi="Arial" w:cs="Arial"/>
          <w:lang w:val="fr-CH"/>
        </w:rPr>
        <w:t xml:space="preserve"> la</w:t>
      </w:r>
      <w:r w:rsidR="00A13C41">
        <w:rPr>
          <w:rFonts w:ascii="Arial" w:hAnsi="Arial" w:cs="Arial"/>
          <w:lang w:val="fr-CH"/>
        </w:rPr>
        <w:t xml:space="preserve"> </w:t>
      </w:r>
    </w:p>
    <w:p w14:paraId="1FA382FF" w14:textId="7C6C0123" w:rsidR="00055EC7" w:rsidRDefault="00AB08F3" w:rsidP="00615B4D">
      <w:pPr>
        <w:spacing w:line="360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_________________________________________________________________________________________________________________________________________________________________________________________________________</w:t>
      </w:r>
      <w:r w:rsidR="00055EC7">
        <w:rPr>
          <w:rFonts w:ascii="Arial" w:hAnsi="Arial" w:cs="Arial"/>
          <w:lang w:val="fr-CH"/>
        </w:rPr>
        <w:br w:type="page"/>
      </w: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F42384" w14:paraId="7E568DCD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6161C1D9" w14:textId="77777777" w:rsidR="00F42384" w:rsidRPr="00F03548" w:rsidRDefault="00F42384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r w:rsidRPr="00725593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lastRenderedPageBreak/>
              <w:t>Activités pendant le visionnage</w:t>
            </w:r>
          </w:p>
        </w:tc>
      </w:tr>
    </w:tbl>
    <w:p w14:paraId="078557CD" w14:textId="77777777" w:rsidR="00AB08F3" w:rsidRPr="00AB08F3" w:rsidRDefault="00AB08F3" w:rsidP="00AB08F3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2185FD36" w14:textId="77777777" w:rsidR="00AB08F3" w:rsidRPr="00D125EB" w:rsidRDefault="00AB08F3" w:rsidP="00AB08F3">
      <w:pPr>
        <w:spacing w:line="276" w:lineRule="auto"/>
        <w:rPr>
          <w:rFonts w:ascii="Arial" w:hAnsi="Arial" w:cs="Arial"/>
          <w:b/>
          <w:bCs/>
        </w:rPr>
      </w:pPr>
      <w:r w:rsidRPr="00D125EB">
        <w:rPr>
          <w:rFonts w:ascii="Arial" w:hAnsi="Arial" w:cs="Arial"/>
          <w:b/>
          <w:bCs/>
        </w:rPr>
        <w:t>4. Tu as compris?</w:t>
      </w:r>
    </w:p>
    <w:p w14:paraId="2C4FBAC3" w14:textId="77777777" w:rsidR="00AB08F3" w:rsidRPr="00B14334" w:rsidRDefault="00AB08F3" w:rsidP="00AB08F3">
      <w:pPr>
        <w:jc w:val="both"/>
        <w:rPr>
          <w:rFonts w:ascii="Arial" w:hAnsi="Arial" w:cs="Arial"/>
        </w:rPr>
      </w:pPr>
      <w:r w:rsidRPr="00B14334">
        <w:rPr>
          <w:rFonts w:ascii="Arial" w:hAnsi="Arial" w:cs="Arial"/>
        </w:rPr>
        <w:t xml:space="preserve">4.1 </w:t>
      </w:r>
      <w:r>
        <w:rPr>
          <w:rFonts w:ascii="Arial" w:hAnsi="Arial" w:cs="Arial"/>
        </w:rPr>
        <w:t>Welche Aktivitäten unternehmen die interviewten Jugendlichen in Paris</w:t>
      </w:r>
      <w:r w:rsidRPr="009908B9">
        <w:rPr>
          <w:rFonts w:ascii="Arial" w:hAnsi="Arial" w:cs="Arial"/>
        </w:rPr>
        <w:t>?</w:t>
      </w:r>
      <w:r w:rsidRPr="00B14334">
        <w:rPr>
          <w:rFonts w:ascii="Arial" w:hAnsi="Arial" w:cs="Arial"/>
        </w:rPr>
        <w:t xml:space="preserve"> </w:t>
      </w:r>
    </w:p>
    <w:p w14:paraId="09BCA2E2" w14:textId="77777777" w:rsidR="00AB08F3" w:rsidRPr="00055EC7" w:rsidRDefault="00AB08F3" w:rsidP="00AB08F3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tbl>
      <w:tblPr>
        <w:tblStyle w:val="Tabellenraster"/>
        <w:tblW w:w="0" w:type="auto"/>
        <w:tblInd w:w="1055" w:type="dxa"/>
        <w:tblLook w:val="04A0" w:firstRow="1" w:lastRow="0" w:firstColumn="1" w:lastColumn="0" w:noHBand="0" w:noVBand="1"/>
      </w:tblPr>
      <w:tblGrid>
        <w:gridCol w:w="6448"/>
        <w:gridCol w:w="731"/>
      </w:tblGrid>
      <w:tr w:rsidR="00AB08F3" w14:paraId="7BC6DE21" w14:textId="77777777" w:rsidTr="00135E27">
        <w:trPr>
          <w:trHeight w:val="393"/>
        </w:trPr>
        <w:tc>
          <w:tcPr>
            <w:tcW w:w="6448" w:type="dxa"/>
          </w:tcPr>
          <w:p w14:paraId="24C17BFD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  <w:r>
              <w:rPr>
                <w:rFonts w:ascii="Arial" w:hAnsi="Arial" w:cs="Arial"/>
                <w:b/>
                <w:bCs/>
                <w:lang w:val="fr-CH"/>
              </w:rPr>
              <w:t xml:space="preserve">Activités des jeunes </w:t>
            </w:r>
            <w:r w:rsidRPr="00B90163">
              <w:rPr>
                <w:rFonts w:ascii="Arial" w:hAnsi="Arial" w:cs="Arial"/>
                <w:b/>
                <w:bCs/>
                <w:lang w:val="fr-CH"/>
              </w:rPr>
              <w:t>paris</w:t>
            </w:r>
            <w:r>
              <w:rPr>
                <w:rFonts w:ascii="Arial" w:hAnsi="Arial" w:cs="Arial"/>
                <w:b/>
                <w:bCs/>
                <w:lang w:val="fr-CH"/>
              </w:rPr>
              <w:t>i</w:t>
            </w:r>
            <w:r w:rsidRPr="00B90163">
              <w:rPr>
                <w:rFonts w:ascii="Arial" w:hAnsi="Arial" w:cs="Arial"/>
                <w:b/>
                <w:bCs/>
                <w:lang w:val="fr-CH"/>
              </w:rPr>
              <w:t>ens</w:t>
            </w:r>
          </w:p>
        </w:tc>
        <w:tc>
          <w:tcPr>
            <w:tcW w:w="731" w:type="dxa"/>
          </w:tcPr>
          <w:p w14:paraId="2DBE621E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  <w:r>
              <w:rPr>
                <w:rFonts w:ascii="Arial" w:hAnsi="Arial" w:cs="Arial"/>
                <w:noProof/>
                <w:lang w:val="fr-CH"/>
              </w:rPr>
              <w:drawing>
                <wp:inline distT="0" distB="0" distL="0" distR="0" wp14:anchorId="3E4BF2AD" wp14:editId="02A9A141">
                  <wp:extent cx="219678" cy="219678"/>
                  <wp:effectExtent l="0" t="0" r="0" b="0"/>
                  <wp:docPr id="2" name="Grafik 2" descr="Häkche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Grafik 1" descr="Häkchen"/>
                          <pic:cNvPicPr/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  <a:ext uri="{96DAC541-7B7A-43D3-8B79-37D633B846F1}">
                                <asvg:svgBlip xmlns:asvg="http://schemas.microsoft.com/office/drawing/2016/SVG/main" r:embed="rId8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24621" cy="22462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AB08F3" w:rsidRPr="00615B4D" w14:paraId="11835968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174491E6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. Ils sortent avec les amis.</w:t>
            </w:r>
          </w:p>
        </w:tc>
        <w:tc>
          <w:tcPr>
            <w:tcW w:w="731" w:type="dxa"/>
            <w:vAlign w:val="center"/>
          </w:tcPr>
          <w:p w14:paraId="3C9DEC69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  <w:tr w:rsidR="00AB08F3" w:rsidRPr="00615B4D" w14:paraId="6F01B998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7709956A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2. Les </w:t>
            </w:r>
            <w:r w:rsidRPr="005A600B">
              <w:rPr>
                <w:rFonts w:ascii="Arial" w:hAnsi="Arial" w:cs="Arial"/>
                <w:lang w:val="fr-CH"/>
              </w:rPr>
              <w:t>parisiens</w:t>
            </w:r>
            <w:r>
              <w:rPr>
                <w:rFonts w:ascii="Arial" w:hAnsi="Arial" w:cs="Arial"/>
                <w:lang w:val="fr-CH"/>
              </w:rPr>
              <w:t xml:space="preserve"> font du shopping.</w:t>
            </w:r>
          </w:p>
        </w:tc>
        <w:tc>
          <w:tcPr>
            <w:tcW w:w="731" w:type="dxa"/>
            <w:vAlign w:val="center"/>
          </w:tcPr>
          <w:p w14:paraId="45B5EAE9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  <w:tr w:rsidR="00AB08F3" w:rsidRPr="00615B4D" w14:paraId="153AD8E4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3039EAF7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3. Les jeunes vont au cinéma.</w:t>
            </w:r>
          </w:p>
        </w:tc>
        <w:tc>
          <w:tcPr>
            <w:tcW w:w="731" w:type="dxa"/>
            <w:vAlign w:val="center"/>
          </w:tcPr>
          <w:p w14:paraId="38F7CB31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  <w:tr w:rsidR="00AB08F3" w14:paraId="3E00BE87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0D9F5E40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4. Ils vont au musée.</w:t>
            </w:r>
          </w:p>
        </w:tc>
        <w:tc>
          <w:tcPr>
            <w:tcW w:w="731" w:type="dxa"/>
            <w:vAlign w:val="center"/>
          </w:tcPr>
          <w:p w14:paraId="35EF724D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  <w:tr w:rsidR="00AB08F3" w14:paraId="6E9BD74C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3D9A109E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5. Ils jouent aux cartes.</w:t>
            </w:r>
          </w:p>
        </w:tc>
        <w:tc>
          <w:tcPr>
            <w:tcW w:w="731" w:type="dxa"/>
            <w:vAlign w:val="center"/>
          </w:tcPr>
          <w:p w14:paraId="5A7C537D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  <w:tr w:rsidR="00AB08F3" w:rsidRPr="00615B4D" w14:paraId="79A9E1FE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6B9F663C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6. Les jeunes </w:t>
            </w:r>
            <w:r w:rsidRPr="00B90163">
              <w:rPr>
                <w:rFonts w:ascii="Arial" w:hAnsi="Arial" w:cs="Arial"/>
                <w:lang w:val="fr-CH"/>
              </w:rPr>
              <w:t>paris</w:t>
            </w:r>
            <w:r>
              <w:rPr>
                <w:rFonts w:ascii="Arial" w:hAnsi="Arial" w:cs="Arial"/>
                <w:lang w:val="fr-CH"/>
              </w:rPr>
              <w:t>i</w:t>
            </w:r>
            <w:r w:rsidRPr="00B90163">
              <w:rPr>
                <w:rFonts w:ascii="Arial" w:hAnsi="Arial" w:cs="Arial"/>
                <w:lang w:val="fr-CH"/>
              </w:rPr>
              <w:t>ens</w:t>
            </w:r>
            <w:r>
              <w:rPr>
                <w:rFonts w:ascii="Arial" w:hAnsi="Arial" w:cs="Arial"/>
                <w:lang w:val="fr-CH"/>
              </w:rPr>
              <w:t xml:space="preserve"> font du sport.</w:t>
            </w:r>
          </w:p>
        </w:tc>
        <w:tc>
          <w:tcPr>
            <w:tcW w:w="731" w:type="dxa"/>
            <w:vAlign w:val="center"/>
          </w:tcPr>
          <w:p w14:paraId="5D21EDBA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  <w:tr w:rsidR="00AB08F3" w:rsidRPr="00615B4D" w14:paraId="69724991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054FBCEC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7. Ils rencontrent les amis dans un café.</w:t>
            </w:r>
          </w:p>
        </w:tc>
        <w:tc>
          <w:tcPr>
            <w:tcW w:w="731" w:type="dxa"/>
            <w:vAlign w:val="center"/>
          </w:tcPr>
          <w:p w14:paraId="5F0F4FB9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  <w:tr w:rsidR="00AB08F3" w:rsidRPr="00615B4D" w14:paraId="1308B35E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607D25F4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8. Les jeunes se promènent au bord d’un canal. </w:t>
            </w:r>
          </w:p>
        </w:tc>
        <w:tc>
          <w:tcPr>
            <w:tcW w:w="731" w:type="dxa"/>
            <w:vAlign w:val="center"/>
          </w:tcPr>
          <w:p w14:paraId="3C25D928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  <w:tr w:rsidR="00AB08F3" w:rsidRPr="00615B4D" w14:paraId="5DF0E6AD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4FD5DCD6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9. Les jeunes </w:t>
            </w:r>
            <w:r w:rsidRPr="00B90163">
              <w:rPr>
                <w:rFonts w:ascii="Arial" w:hAnsi="Arial" w:cs="Arial"/>
                <w:lang w:val="fr-CH"/>
              </w:rPr>
              <w:t>paris</w:t>
            </w:r>
            <w:r>
              <w:rPr>
                <w:rFonts w:ascii="Arial" w:hAnsi="Arial" w:cs="Arial"/>
                <w:lang w:val="fr-CH"/>
              </w:rPr>
              <w:t>i</w:t>
            </w:r>
            <w:r w:rsidRPr="00B90163">
              <w:rPr>
                <w:rFonts w:ascii="Arial" w:hAnsi="Arial" w:cs="Arial"/>
                <w:lang w:val="fr-CH"/>
              </w:rPr>
              <w:t>ens</w:t>
            </w:r>
            <w:r>
              <w:rPr>
                <w:rFonts w:ascii="Arial" w:hAnsi="Arial" w:cs="Arial"/>
                <w:lang w:val="fr-CH"/>
              </w:rPr>
              <w:t xml:space="preserve"> se rencontrent dans un parc.</w:t>
            </w:r>
          </w:p>
        </w:tc>
        <w:tc>
          <w:tcPr>
            <w:tcW w:w="731" w:type="dxa"/>
            <w:vAlign w:val="center"/>
          </w:tcPr>
          <w:p w14:paraId="5A85E6B7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  <w:tr w:rsidR="00AB08F3" w14:paraId="51603307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7DCE5FC6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0. Ils lisent des livres.</w:t>
            </w:r>
          </w:p>
        </w:tc>
        <w:tc>
          <w:tcPr>
            <w:tcW w:w="731" w:type="dxa"/>
            <w:vAlign w:val="center"/>
          </w:tcPr>
          <w:p w14:paraId="713D2277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  <w:tr w:rsidR="00AB08F3" w14:paraId="6B2F548A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729280DC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1. Ils regardent la télé.</w:t>
            </w:r>
          </w:p>
        </w:tc>
        <w:tc>
          <w:tcPr>
            <w:tcW w:w="731" w:type="dxa"/>
            <w:vAlign w:val="center"/>
          </w:tcPr>
          <w:p w14:paraId="796678A5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  <w:tr w:rsidR="00AB08F3" w:rsidRPr="00615B4D" w14:paraId="2E990E93" w14:textId="77777777" w:rsidTr="00561465">
        <w:trPr>
          <w:trHeight w:val="397"/>
        </w:trPr>
        <w:tc>
          <w:tcPr>
            <w:tcW w:w="6448" w:type="dxa"/>
            <w:vAlign w:val="center"/>
          </w:tcPr>
          <w:p w14:paraId="11CB230E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2. Les jeunes se rencontrent pour discuter.</w:t>
            </w:r>
          </w:p>
        </w:tc>
        <w:tc>
          <w:tcPr>
            <w:tcW w:w="731" w:type="dxa"/>
            <w:vAlign w:val="center"/>
          </w:tcPr>
          <w:p w14:paraId="390C795F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</w:p>
        </w:tc>
      </w:tr>
    </w:tbl>
    <w:p w14:paraId="4615A118" w14:textId="296ABCF9" w:rsidR="00AB08F3" w:rsidRDefault="00AB08F3" w:rsidP="00AB08F3">
      <w:pPr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7EE05EEA" w14:textId="77777777" w:rsidR="00D125EB" w:rsidRPr="00AB08F3" w:rsidRDefault="00D125EB" w:rsidP="00AB08F3">
      <w:pPr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2959B1D7" w14:textId="77777777" w:rsidR="00AB08F3" w:rsidRPr="0091730E" w:rsidRDefault="00AB08F3" w:rsidP="00AB08F3">
      <w:pPr>
        <w:rPr>
          <w:rFonts w:ascii="Arial" w:hAnsi="Arial" w:cs="Arial"/>
        </w:rPr>
      </w:pPr>
      <w:r w:rsidRPr="0091730E">
        <w:rPr>
          <w:rFonts w:ascii="Arial" w:hAnsi="Arial" w:cs="Arial"/>
        </w:rPr>
        <w:t xml:space="preserve">4.2 Beantworte </w:t>
      </w:r>
      <w:r>
        <w:rPr>
          <w:rFonts w:ascii="Arial" w:hAnsi="Arial" w:cs="Arial"/>
        </w:rPr>
        <w:t xml:space="preserve">alle Fragen auf Deutsch.  </w:t>
      </w:r>
    </w:p>
    <w:p w14:paraId="630812AE" w14:textId="77777777" w:rsidR="00AB08F3" w:rsidRPr="00F42384" w:rsidRDefault="00AB08F3" w:rsidP="00AB08F3">
      <w:pPr>
        <w:rPr>
          <w:rFonts w:ascii="Arial" w:hAnsi="Arial" w:cs="Arial"/>
          <w:sz w:val="20"/>
          <w:szCs w:val="20"/>
        </w:rPr>
      </w:pPr>
    </w:p>
    <w:p w14:paraId="5C424A6B" w14:textId="691CE48D" w:rsidR="00AB08F3" w:rsidRDefault="00AB08F3" w:rsidP="00AB08F3">
      <w:pPr>
        <w:rPr>
          <w:rFonts w:ascii="Arial" w:hAnsi="Arial" w:cs="Arial"/>
        </w:rPr>
      </w:pPr>
      <w:r>
        <w:rPr>
          <w:rFonts w:ascii="Arial" w:hAnsi="Arial" w:cs="Arial"/>
        </w:rPr>
        <w:t>Welche Sehenswürdigkeiten</w:t>
      </w:r>
      <w:r w:rsidRPr="0091730E">
        <w:rPr>
          <w:rFonts w:ascii="Arial" w:hAnsi="Arial" w:cs="Arial"/>
        </w:rPr>
        <w:t xml:space="preserve"> kann man vom Eiffelturm aus sehen?</w:t>
      </w:r>
    </w:p>
    <w:p w14:paraId="4B729C64" w14:textId="561F4C72" w:rsidR="00D125EB" w:rsidRDefault="00D125EB" w:rsidP="00D125EB">
      <w:pPr>
        <w:spacing w:line="360" w:lineRule="auto"/>
        <w:rPr>
          <w:rFonts w:ascii="Arial" w:hAnsi="Arial" w:cs="Arial"/>
        </w:rPr>
      </w:pPr>
      <w:r>
        <w:rPr>
          <w:rFonts w:ascii="Arial" w:hAnsi="Arial" w:cs="Arial"/>
        </w:rPr>
        <w:t>_________________________________________________________________________________________________________________________________________________________________________________________________________</w:t>
      </w:r>
    </w:p>
    <w:p w14:paraId="0871A85B" w14:textId="77777777" w:rsidR="00D125EB" w:rsidRPr="00D125EB" w:rsidRDefault="00D125EB" w:rsidP="00AB08F3">
      <w:pPr>
        <w:rPr>
          <w:rFonts w:ascii="Arial" w:hAnsi="Arial" w:cs="Arial"/>
          <w:sz w:val="20"/>
          <w:szCs w:val="20"/>
        </w:rPr>
      </w:pPr>
    </w:p>
    <w:p w14:paraId="498A739E" w14:textId="6267FBFE" w:rsidR="00AB08F3" w:rsidRDefault="00AB08F3" w:rsidP="00AB08F3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Weshalb ist der Platz «</w:t>
      </w:r>
      <w:r w:rsidRPr="0091730E">
        <w:rPr>
          <w:rFonts w:ascii="Arial" w:hAnsi="Arial" w:cs="Arial"/>
        </w:rPr>
        <w:t>Igor-Stravinsky</w:t>
      </w:r>
      <w:r>
        <w:rPr>
          <w:rFonts w:ascii="Arial" w:hAnsi="Arial" w:cs="Arial"/>
        </w:rPr>
        <w:t>» bei den drei jungen Mädchen</w:t>
      </w:r>
      <w:r w:rsidR="00D125EB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>so beliebt?</w:t>
      </w:r>
      <w:r w:rsidRPr="0091730E">
        <w:rPr>
          <w:rFonts w:ascii="Arial" w:hAnsi="Arial" w:cs="Arial"/>
        </w:rPr>
        <w:t xml:space="preserve"> </w:t>
      </w:r>
    </w:p>
    <w:p w14:paraId="1A3E3241" w14:textId="0C88A9A9" w:rsidR="00AB08F3" w:rsidRDefault="00AB08F3" w:rsidP="00AB08F3">
      <w:pPr>
        <w:spacing w:line="360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t>___________________________________________________________________</w:t>
      </w:r>
      <w:r w:rsidR="00D125EB">
        <w:rPr>
          <w:rFonts w:ascii="Arial" w:hAnsi="Arial" w:cs="Arial"/>
        </w:rPr>
        <w:t>___________________________________________________________________</w:t>
      </w:r>
      <w:r>
        <w:rPr>
          <w:rFonts w:ascii="Arial" w:hAnsi="Arial" w:cs="Arial"/>
        </w:rPr>
        <w:t>___________________________________________________________________</w:t>
      </w:r>
    </w:p>
    <w:p w14:paraId="7FBB2D66" w14:textId="77777777" w:rsidR="00AB08F3" w:rsidRPr="00D125EB" w:rsidRDefault="00AB08F3" w:rsidP="00AB08F3">
      <w:pPr>
        <w:jc w:val="both"/>
        <w:rPr>
          <w:rFonts w:ascii="Arial" w:hAnsi="Arial" w:cs="Arial"/>
          <w:sz w:val="20"/>
          <w:szCs w:val="20"/>
        </w:rPr>
      </w:pPr>
    </w:p>
    <w:p w14:paraId="378410DB" w14:textId="7B210CBD" w:rsidR="00AB08F3" w:rsidRDefault="00AB08F3" w:rsidP="00AB08F3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Nenne drei berühmte Personen, die den Eiffelturm schon besucht haben. </w:t>
      </w:r>
    </w:p>
    <w:p w14:paraId="2375B73D" w14:textId="5C92568F" w:rsidR="00AB08F3" w:rsidRDefault="00AB08F3" w:rsidP="00AB08F3">
      <w:pPr>
        <w:spacing w:line="360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t>___________________________________________________________________</w:t>
      </w:r>
      <w:r w:rsidR="00D125EB">
        <w:rPr>
          <w:rFonts w:ascii="Arial" w:hAnsi="Arial" w:cs="Arial"/>
        </w:rPr>
        <w:t>___________________________________________________________________</w:t>
      </w:r>
      <w:r>
        <w:rPr>
          <w:rFonts w:ascii="Arial" w:hAnsi="Arial" w:cs="Arial"/>
        </w:rPr>
        <w:t>___________________________________________________________________</w:t>
      </w:r>
    </w:p>
    <w:p w14:paraId="3DF2B77B" w14:textId="72D3C24A" w:rsidR="00D125EB" w:rsidRDefault="00D125EB" w:rsidP="00AB08F3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br w:type="page"/>
      </w:r>
    </w:p>
    <w:p w14:paraId="39E5EE89" w14:textId="78832903" w:rsidR="00AB08F3" w:rsidRDefault="00AB08F3" w:rsidP="00AB08F3">
      <w:pPr>
        <w:spacing w:line="276" w:lineRule="auto"/>
        <w:rPr>
          <w:rFonts w:ascii="Arial" w:hAnsi="Arial" w:cs="Arial"/>
          <w:color w:val="000000" w:themeColor="text1"/>
        </w:rPr>
      </w:pPr>
      <w:r>
        <w:rPr>
          <w:rFonts w:ascii="Arial" w:hAnsi="Arial" w:cs="Arial"/>
          <w:color w:val="000000" w:themeColor="text1"/>
        </w:rPr>
        <w:lastRenderedPageBreak/>
        <w:t xml:space="preserve">Warum wird Paris auch «die Stadt der Liebe» genannt? </w:t>
      </w:r>
    </w:p>
    <w:p w14:paraId="79DCC086" w14:textId="6D4FB374" w:rsidR="00AB08F3" w:rsidRDefault="00AB08F3" w:rsidP="00AB08F3">
      <w:pPr>
        <w:spacing w:line="360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t>___________________________________________________________________</w:t>
      </w:r>
      <w:r w:rsidR="00561465">
        <w:rPr>
          <w:rFonts w:ascii="Arial" w:hAnsi="Arial" w:cs="Arial"/>
        </w:rPr>
        <w:t>___________________________________________________________________</w:t>
      </w:r>
    </w:p>
    <w:p w14:paraId="5AC95C0A" w14:textId="408FE392" w:rsidR="00561465" w:rsidRPr="00D125EB" w:rsidRDefault="00561465" w:rsidP="00AB08F3">
      <w:pPr>
        <w:spacing w:line="276" w:lineRule="auto"/>
        <w:rPr>
          <w:rFonts w:ascii="Arial" w:hAnsi="Arial" w:cs="Arial"/>
          <w:color w:val="000000" w:themeColor="text1"/>
          <w:sz w:val="20"/>
          <w:szCs w:val="20"/>
        </w:rPr>
      </w:pPr>
    </w:p>
    <w:p w14:paraId="5710D406" w14:textId="23BFC463" w:rsidR="00AB08F3" w:rsidRDefault="00AB08F3" w:rsidP="00AB08F3">
      <w:pPr>
        <w:spacing w:line="276" w:lineRule="auto"/>
        <w:rPr>
          <w:rFonts w:ascii="Arial" w:hAnsi="Arial" w:cs="Arial"/>
          <w:color w:val="000000" w:themeColor="text1"/>
        </w:rPr>
      </w:pPr>
      <w:r>
        <w:rPr>
          <w:rFonts w:ascii="Arial" w:hAnsi="Arial" w:cs="Arial"/>
          <w:color w:val="000000" w:themeColor="text1"/>
        </w:rPr>
        <w:t>Was macht Célia auf der «Pont des Arts»?</w:t>
      </w:r>
      <w:r w:rsidRPr="0091730E">
        <w:rPr>
          <w:rFonts w:ascii="Arial" w:hAnsi="Arial" w:cs="Arial"/>
          <w:color w:val="000000" w:themeColor="text1"/>
        </w:rPr>
        <w:t xml:space="preserve"> </w:t>
      </w:r>
    </w:p>
    <w:p w14:paraId="6F963D3B" w14:textId="3B549AFE" w:rsidR="00561465" w:rsidRDefault="00561465" w:rsidP="00561465">
      <w:pPr>
        <w:spacing w:line="360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t>______________________________________________________________________________________________________________________________________</w:t>
      </w:r>
    </w:p>
    <w:p w14:paraId="0EDDD738" w14:textId="77777777" w:rsidR="00561465" w:rsidRPr="00D125EB" w:rsidRDefault="00561465" w:rsidP="00561465">
      <w:pPr>
        <w:rPr>
          <w:rFonts w:ascii="Arial" w:hAnsi="Arial" w:cs="Arial"/>
          <w:color w:val="000000" w:themeColor="text1"/>
          <w:sz w:val="20"/>
          <w:szCs w:val="20"/>
        </w:rPr>
      </w:pPr>
    </w:p>
    <w:p w14:paraId="5A700581" w14:textId="797F77C4" w:rsidR="00AB08F3" w:rsidRDefault="00AB08F3" w:rsidP="00561465">
      <w:pPr>
        <w:spacing w:line="276" w:lineRule="auto"/>
        <w:rPr>
          <w:rFonts w:ascii="Arial" w:hAnsi="Arial" w:cs="Arial"/>
          <w:color w:val="000000" w:themeColor="text1"/>
        </w:rPr>
      </w:pPr>
      <w:r>
        <w:rPr>
          <w:rFonts w:ascii="Arial" w:hAnsi="Arial" w:cs="Arial"/>
          <w:color w:val="000000" w:themeColor="text1"/>
        </w:rPr>
        <w:t>Was macht das Liebespaar auf der «Pont des Arts»?</w:t>
      </w:r>
    </w:p>
    <w:p w14:paraId="2A229CA8" w14:textId="266B4F9B" w:rsidR="00561465" w:rsidRPr="00D125EB" w:rsidRDefault="00561465" w:rsidP="00561465">
      <w:pPr>
        <w:spacing w:line="360" w:lineRule="auto"/>
        <w:rPr>
          <w:rFonts w:ascii="Arial" w:hAnsi="Arial" w:cs="Arial"/>
          <w:lang w:val="fr-CH"/>
        </w:rPr>
      </w:pPr>
      <w:r w:rsidRPr="00D125EB">
        <w:rPr>
          <w:rFonts w:ascii="Arial" w:hAnsi="Arial" w:cs="Arial"/>
          <w:lang w:val="fr-CH"/>
        </w:rPr>
        <w:t>______________________________________________________________________________________________________________________________________</w:t>
      </w:r>
    </w:p>
    <w:p w14:paraId="37688164" w14:textId="3F389FD6" w:rsidR="00561465" w:rsidRPr="00D125EB" w:rsidRDefault="00561465" w:rsidP="00561465">
      <w:pPr>
        <w:spacing w:line="276" w:lineRule="auto"/>
        <w:rPr>
          <w:rFonts w:ascii="Arial" w:hAnsi="Arial" w:cs="Arial"/>
          <w:color w:val="000000" w:themeColor="text1"/>
          <w:sz w:val="20"/>
          <w:szCs w:val="20"/>
          <w:lang w:val="fr-CH"/>
        </w:rPr>
      </w:pPr>
    </w:p>
    <w:p w14:paraId="7A58ABA8" w14:textId="01D202AD" w:rsidR="00561465" w:rsidRDefault="00561465" w:rsidP="00561465">
      <w:pPr>
        <w:spacing w:line="276" w:lineRule="auto"/>
        <w:rPr>
          <w:rFonts w:ascii="Arial" w:hAnsi="Arial" w:cs="Arial"/>
          <w:color w:val="000000" w:themeColor="text1"/>
          <w:sz w:val="20"/>
          <w:szCs w:val="20"/>
          <w:lang w:val="fr-CH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F42384" w14:paraId="38B14DE1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2C4A47CD" w14:textId="77777777" w:rsidR="00F42384" w:rsidRPr="00F03548" w:rsidRDefault="00F42384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r w:rsidRPr="00871804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t>Activités après le visionnage</w:t>
            </w:r>
          </w:p>
        </w:tc>
      </w:tr>
    </w:tbl>
    <w:p w14:paraId="2BC5FD55" w14:textId="77777777" w:rsidR="00AB08F3" w:rsidRPr="00F42384" w:rsidRDefault="00AB08F3" w:rsidP="00AB08F3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659468B7" w14:textId="77777777" w:rsidR="00AB08F3" w:rsidRDefault="00AB08F3" w:rsidP="00AB08F3">
      <w:pPr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t>5.</w:t>
      </w:r>
      <w:r w:rsidRPr="00BC3DF6">
        <w:rPr>
          <w:rFonts w:ascii="Arial" w:hAnsi="Arial" w:cs="Arial"/>
          <w:b/>
          <w:bCs/>
          <w:lang w:val="fr-CH"/>
        </w:rPr>
        <w:t xml:space="preserve"> </w:t>
      </w:r>
      <w:r>
        <w:rPr>
          <w:rFonts w:ascii="Arial" w:hAnsi="Arial" w:cs="Arial"/>
          <w:b/>
          <w:bCs/>
          <w:lang w:val="fr-CH"/>
        </w:rPr>
        <w:t>Coin cultuel</w:t>
      </w:r>
    </w:p>
    <w:p w14:paraId="09820F39" w14:textId="0756793D" w:rsidR="00AB08F3" w:rsidRPr="008A0F09" w:rsidRDefault="00AB08F3" w:rsidP="00D125EB">
      <w:pPr>
        <w:jc w:val="both"/>
        <w:rPr>
          <w:rFonts w:ascii="Arial" w:hAnsi="Arial" w:cs="Arial"/>
        </w:rPr>
      </w:pPr>
      <w:r w:rsidRPr="008A0F09">
        <w:rPr>
          <w:rFonts w:ascii="Arial" w:hAnsi="Arial" w:cs="Arial"/>
        </w:rPr>
        <w:t>Paris ist in 20 Stadtteile eingeteilt und überall gibt es Sehenswürdigkeiten zu bestaunen. Erstelle ein Quiz zu den verschiedenen Attraktionen. Schreibe deine Sätze auf</w:t>
      </w:r>
      <w:r w:rsidR="00561465">
        <w:rPr>
          <w:rFonts w:ascii="Arial" w:hAnsi="Arial" w:cs="Arial"/>
        </w:rPr>
        <w:t xml:space="preserve"> der nächsten Seite </w:t>
      </w:r>
      <w:r w:rsidRPr="008A0F09">
        <w:rPr>
          <w:rFonts w:ascii="Arial" w:hAnsi="Arial" w:cs="Arial"/>
        </w:rPr>
        <w:t xml:space="preserve">auf </w:t>
      </w:r>
      <w:r>
        <w:rPr>
          <w:rFonts w:ascii="Arial" w:hAnsi="Arial" w:cs="Arial"/>
        </w:rPr>
        <w:t>F</w:t>
      </w:r>
      <w:r w:rsidRPr="008A0F09">
        <w:rPr>
          <w:rFonts w:ascii="Arial" w:hAnsi="Arial" w:cs="Arial"/>
        </w:rPr>
        <w:t>ranzösisch auf und verwende Wörter aus dem Kästchen. Untenstehend findest du zwei Beispiele. Stelle deine Fragen anschliessend mündlich einem Kollegen oder einer Kollegin.</w:t>
      </w:r>
    </w:p>
    <w:p w14:paraId="45FF4BF2" w14:textId="77777777" w:rsidR="00AB08F3" w:rsidRPr="00F42384" w:rsidRDefault="00AB08F3" w:rsidP="00AB08F3">
      <w:pPr>
        <w:spacing w:line="276" w:lineRule="auto"/>
        <w:rPr>
          <w:rFonts w:ascii="Arial" w:hAnsi="Arial" w:cs="Arial"/>
          <w:sz w:val="20"/>
          <w:szCs w:val="20"/>
        </w:rPr>
      </w:pPr>
    </w:p>
    <w:p w14:paraId="6E1155A2" w14:textId="77777777" w:rsidR="00AB08F3" w:rsidRDefault="00AB08F3" w:rsidP="00AB08F3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i/>
          <w:iCs/>
          <w:noProof/>
          <w:lang w:val="fr-CH"/>
        </w:rPr>
        <mc:AlternateContent>
          <mc:Choice Requires="wps">
            <w:drawing>
              <wp:anchor distT="45720" distB="45720" distL="114300" distR="114300" simplePos="0" relativeHeight="251659264" behindDoc="0" locked="0" layoutInCell="1" allowOverlap="1" wp14:anchorId="409BFC40" wp14:editId="3B290196">
                <wp:simplePos x="0" y="0"/>
                <wp:positionH relativeFrom="column">
                  <wp:posOffset>3346402</wp:posOffset>
                </wp:positionH>
                <wp:positionV relativeFrom="paragraph">
                  <wp:posOffset>151766</wp:posOffset>
                </wp:positionV>
                <wp:extent cx="2302510" cy="1270000"/>
                <wp:effectExtent l="127000" t="177800" r="123190" b="179070"/>
                <wp:wrapSquare wrapText="bothSides"/>
                <wp:docPr id="13" name="Textfeld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541214">
                          <a:off x="0" y="0"/>
                          <a:ext cx="2302510" cy="1270000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4548460F" w14:textId="77777777" w:rsidR="00AB08F3" w:rsidRPr="00981480" w:rsidRDefault="00AB08F3" w:rsidP="00AB08F3">
                            <w:pPr>
                              <w:rPr>
                                <w:lang w:val="fr-CH"/>
                              </w:rPr>
                            </w:pPr>
                            <w:r w:rsidRPr="00981480">
                              <w:rPr>
                                <w:lang w:val="fr-CH"/>
                              </w:rPr>
                              <w:t xml:space="preserve">à côté de </w:t>
                            </w:r>
                            <w:r>
                              <w:rPr>
                                <w:lang w:val="fr-CH"/>
                              </w:rPr>
                              <w:tab/>
                            </w:r>
                            <w:r w:rsidRPr="00981480">
                              <w:rPr>
                                <w:lang w:val="fr-CH"/>
                              </w:rPr>
                              <w:t>= neben</w:t>
                            </w:r>
                          </w:p>
                          <w:p w14:paraId="00B4808D" w14:textId="77777777" w:rsidR="00AB08F3" w:rsidRPr="00981480" w:rsidRDefault="00AB08F3" w:rsidP="00AB08F3">
                            <w:pPr>
                              <w:rPr>
                                <w:lang w:val="fr-CH"/>
                              </w:rPr>
                            </w:pPr>
                            <w:r w:rsidRPr="00981480">
                              <w:rPr>
                                <w:lang w:val="fr-CH"/>
                              </w:rPr>
                              <w:t xml:space="preserve">au centre </w:t>
                            </w:r>
                            <w:r>
                              <w:rPr>
                                <w:lang w:val="fr-CH"/>
                              </w:rPr>
                              <w:tab/>
                            </w:r>
                            <w:r w:rsidRPr="00981480">
                              <w:rPr>
                                <w:lang w:val="fr-CH"/>
                              </w:rPr>
                              <w:t>= im Zentrum</w:t>
                            </w:r>
                          </w:p>
                          <w:p w14:paraId="27B43F32" w14:textId="77777777" w:rsidR="00AB08F3" w:rsidRPr="00B14334" w:rsidRDefault="00AB08F3" w:rsidP="00AB08F3">
                            <w:r w:rsidRPr="00B14334">
                              <w:t xml:space="preserve">au-dessus </w:t>
                            </w:r>
                            <w:r w:rsidRPr="00B14334">
                              <w:tab/>
                              <w:t>= oberhalb von</w:t>
                            </w:r>
                          </w:p>
                          <w:p w14:paraId="48E92DD1" w14:textId="77777777" w:rsidR="00AB08F3" w:rsidRPr="00B14334" w:rsidRDefault="00AB08F3" w:rsidP="00AB08F3">
                            <w:r w:rsidRPr="00B14334">
                              <w:t xml:space="preserve">au-dessous </w:t>
                            </w:r>
                            <w:r w:rsidRPr="00B14334">
                              <w:tab/>
                              <w:t>= unterhalb von</w:t>
                            </w:r>
                          </w:p>
                          <w:p w14:paraId="348F894D" w14:textId="77777777" w:rsidR="00AB08F3" w:rsidRPr="00B14334" w:rsidRDefault="00AB08F3" w:rsidP="00AB08F3">
                            <w:r w:rsidRPr="00B14334">
                              <w:t xml:space="preserve">au nord de </w:t>
                            </w:r>
                            <w:r w:rsidRPr="00B14334">
                              <w:tab/>
                              <w:t>= im Norden von</w:t>
                            </w:r>
                          </w:p>
                          <w:p w14:paraId="01930D04" w14:textId="77777777" w:rsidR="00AB08F3" w:rsidRPr="00B14334" w:rsidRDefault="00AB08F3" w:rsidP="00AB08F3">
                            <w:r w:rsidRPr="00B14334">
                              <w:t xml:space="preserve">au sud de </w:t>
                            </w:r>
                            <w:r w:rsidRPr="00B14334">
                              <w:tab/>
                              <w:t>= im Süden von</w:t>
                            </w:r>
                          </w:p>
                          <w:p w14:paraId="01671538" w14:textId="77777777" w:rsidR="00AB08F3" w:rsidRPr="00B14334" w:rsidRDefault="00AB08F3" w:rsidP="00AB08F3">
                            <w:r w:rsidRPr="00B14334">
                              <w:t>à l’est de</w:t>
                            </w:r>
                            <w:r w:rsidRPr="00B14334">
                              <w:tab/>
                              <w:t>= im Osten von</w:t>
                            </w:r>
                          </w:p>
                          <w:p w14:paraId="6AA5B2C0" w14:textId="77777777" w:rsidR="00AB08F3" w:rsidRPr="00B14334" w:rsidRDefault="00AB08F3" w:rsidP="00AB08F3">
                            <w:r w:rsidRPr="00B14334">
                              <w:t xml:space="preserve">à l’ouest de </w:t>
                            </w:r>
                            <w:r w:rsidRPr="00B14334">
                              <w:tab/>
                              <w:t>= im Westen von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09BFC40" id="_x0000_t202" coordsize="21600,21600" o:spt="202" path="m,l,21600r21600,l21600,xe">
                <v:stroke joinstyle="miter"/>
                <v:path gradientshapeok="t" o:connecttype="rect"/>
              </v:shapetype>
              <v:shape id="Textfeld 13" o:spid="_x0000_s1026" type="#_x0000_t202" style="position:absolute;margin-left:263.5pt;margin-top:11.95pt;width:181.3pt;height:100pt;rotation:591150fd;z-index:251659264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" strokeweight=".5pt">
                <v:textbox style="mso-fit-shape-to-text:t">
                  <w:txbxContent>
                    <w:p w14:paraId="4548460F" w14:textId="77777777" w:rsidR="00AB08F3" w:rsidRPr="00981480" w:rsidRDefault="00AB08F3" w:rsidP="00AB08F3">
                      <w:pPr>
                        <w:rPr>
                          <w:lang w:val="fr-CH"/>
                        </w:rPr>
                      </w:pPr>
                      <w:proofErr w:type="gramStart"/>
                      <w:r w:rsidRPr="00981480">
                        <w:rPr>
                          <w:lang w:val="fr-CH"/>
                        </w:rPr>
                        <w:t>à</w:t>
                      </w:r>
                      <w:proofErr w:type="gramEnd"/>
                      <w:r w:rsidRPr="00981480">
                        <w:rPr>
                          <w:lang w:val="fr-CH"/>
                        </w:rPr>
                        <w:t xml:space="preserve"> côté de </w:t>
                      </w:r>
                      <w:r>
                        <w:rPr>
                          <w:lang w:val="fr-CH"/>
                        </w:rPr>
                        <w:tab/>
                      </w:r>
                      <w:r w:rsidRPr="00981480">
                        <w:rPr>
                          <w:lang w:val="fr-CH"/>
                        </w:rPr>
                        <w:t xml:space="preserve">= </w:t>
                      </w:r>
                      <w:proofErr w:type="spellStart"/>
                      <w:r w:rsidRPr="00981480">
                        <w:rPr>
                          <w:lang w:val="fr-CH"/>
                        </w:rPr>
                        <w:t>neben</w:t>
                      </w:r>
                      <w:proofErr w:type="spellEnd"/>
                    </w:p>
                    <w:p w14:paraId="00B4808D" w14:textId="77777777" w:rsidR="00AB08F3" w:rsidRPr="00981480" w:rsidRDefault="00AB08F3" w:rsidP="00AB08F3">
                      <w:pPr>
                        <w:rPr>
                          <w:lang w:val="fr-CH"/>
                        </w:rPr>
                      </w:pPr>
                      <w:proofErr w:type="gramStart"/>
                      <w:r w:rsidRPr="00981480">
                        <w:rPr>
                          <w:lang w:val="fr-CH"/>
                        </w:rPr>
                        <w:t>au</w:t>
                      </w:r>
                      <w:proofErr w:type="gramEnd"/>
                      <w:r w:rsidRPr="00981480">
                        <w:rPr>
                          <w:lang w:val="fr-CH"/>
                        </w:rPr>
                        <w:t xml:space="preserve"> centre </w:t>
                      </w:r>
                      <w:r>
                        <w:rPr>
                          <w:lang w:val="fr-CH"/>
                        </w:rPr>
                        <w:tab/>
                      </w:r>
                      <w:r w:rsidRPr="00981480">
                        <w:rPr>
                          <w:lang w:val="fr-CH"/>
                        </w:rPr>
                        <w:t xml:space="preserve">= </w:t>
                      </w:r>
                      <w:proofErr w:type="spellStart"/>
                      <w:r w:rsidRPr="00981480">
                        <w:rPr>
                          <w:lang w:val="fr-CH"/>
                        </w:rPr>
                        <w:t>im</w:t>
                      </w:r>
                      <w:proofErr w:type="spellEnd"/>
                      <w:r w:rsidRPr="00981480">
                        <w:rPr>
                          <w:lang w:val="fr-CH"/>
                        </w:rPr>
                        <w:t xml:space="preserve"> Zentrum</w:t>
                      </w:r>
                    </w:p>
                    <w:p w14:paraId="27B43F32" w14:textId="77777777" w:rsidR="00AB08F3" w:rsidRPr="00B14334" w:rsidRDefault="00AB08F3" w:rsidP="00AB08F3">
                      <w:r w:rsidRPr="00B14334">
                        <w:t xml:space="preserve">au-dessus </w:t>
                      </w:r>
                      <w:r w:rsidRPr="00B14334">
                        <w:tab/>
                        <w:t>= oberhalb von</w:t>
                      </w:r>
                    </w:p>
                    <w:p w14:paraId="48E92DD1" w14:textId="77777777" w:rsidR="00AB08F3" w:rsidRPr="00B14334" w:rsidRDefault="00AB08F3" w:rsidP="00AB08F3">
                      <w:r w:rsidRPr="00B14334">
                        <w:t xml:space="preserve">au-dessous </w:t>
                      </w:r>
                      <w:r w:rsidRPr="00B14334">
                        <w:tab/>
                        <w:t>= unterhalb von</w:t>
                      </w:r>
                    </w:p>
                    <w:p w14:paraId="348F894D" w14:textId="77777777" w:rsidR="00AB08F3" w:rsidRPr="00B14334" w:rsidRDefault="00AB08F3" w:rsidP="00AB08F3">
                      <w:proofErr w:type="gramStart"/>
                      <w:r w:rsidRPr="00B14334">
                        <w:t>au</w:t>
                      </w:r>
                      <w:proofErr w:type="gramEnd"/>
                      <w:r w:rsidRPr="00B14334">
                        <w:t xml:space="preserve"> </w:t>
                      </w:r>
                      <w:proofErr w:type="spellStart"/>
                      <w:r w:rsidRPr="00B14334">
                        <w:t>nord</w:t>
                      </w:r>
                      <w:proofErr w:type="spellEnd"/>
                      <w:r w:rsidRPr="00B14334">
                        <w:t xml:space="preserve"> de </w:t>
                      </w:r>
                      <w:r w:rsidRPr="00B14334">
                        <w:tab/>
                        <w:t>= im Norden von</w:t>
                      </w:r>
                    </w:p>
                    <w:p w14:paraId="01930D04" w14:textId="77777777" w:rsidR="00AB08F3" w:rsidRPr="00B14334" w:rsidRDefault="00AB08F3" w:rsidP="00AB08F3">
                      <w:proofErr w:type="gramStart"/>
                      <w:r w:rsidRPr="00B14334">
                        <w:t>au</w:t>
                      </w:r>
                      <w:proofErr w:type="gramEnd"/>
                      <w:r w:rsidRPr="00B14334">
                        <w:t xml:space="preserve"> </w:t>
                      </w:r>
                      <w:proofErr w:type="spellStart"/>
                      <w:r w:rsidRPr="00B14334">
                        <w:t>sud</w:t>
                      </w:r>
                      <w:proofErr w:type="spellEnd"/>
                      <w:r w:rsidRPr="00B14334">
                        <w:t xml:space="preserve"> de </w:t>
                      </w:r>
                      <w:r w:rsidRPr="00B14334">
                        <w:tab/>
                        <w:t>= im Süden von</w:t>
                      </w:r>
                    </w:p>
                    <w:p w14:paraId="01671538" w14:textId="77777777" w:rsidR="00AB08F3" w:rsidRPr="00B14334" w:rsidRDefault="00AB08F3" w:rsidP="00AB08F3">
                      <w:r w:rsidRPr="00B14334">
                        <w:t xml:space="preserve">à </w:t>
                      </w:r>
                      <w:proofErr w:type="spellStart"/>
                      <w:r w:rsidRPr="00B14334">
                        <w:t>l’est</w:t>
                      </w:r>
                      <w:proofErr w:type="spellEnd"/>
                      <w:r w:rsidRPr="00B14334">
                        <w:t xml:space="preserve"> de</w:t>
                      </w:r>
                      <w:r w:rsidRPr="00B14334">
                        <w:tab/>
                        <w:t>= im Osten von</w:t>
                      </w:r>
                    </w:p>
                    <w:p w14:paraId="6AA5B2C0" w14:textId="77777777" w:rsidR="00AB08F3" w:rsidRPr="00B14334" w:rsidRDefault="00AB08F3" w:rsidP="00AB08F3">
                      <w:r w:rsidRPr="00B14334">
                        <w:t xml:space="preserve">à </w:t>
                      </w:r>
                      <w:proofErr w:type="spellStart"/>
                      <w:r w:rsidRPr="00B14334">
                        <w:t>l’ouest</w:t>
                      </w:r>
                      <w:proofErr w:type="spellEnd"/>
                      <w:r w:rsidRPr="00B14334">
                        <w:t xml:space="preserve"> de </w:t>
                      </w:r>
                      <w:r w:rsidRPr="00B14334">
                        <w:tab/>
                        <w:t>= im Westen von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>
        <w:rPr>
          <w:rFonts w:ascii="Arial" w:hAnsi="Arial" w:cs="Arial"/>
          <w:lang w:val="fr-CH"/>
        </w:rPr>
        <w:t xml:space="preserve">Exemples: </w:t>
      </w:r>
    </w:p>
    <w:p w14:paraId="2A0F1613" w14:textId="77777777" w:rsidR="00AB08F3" w:rsidRDefault="00AB08F3" w:rsidP="00AB08F3">
      <w:pPr>
        <w:pStyle w:val="Listenabsatz"/>
        <w:numPr>
          <w:ilvl w:val="0"/>
          <w:numId w:val="3"/>
        </w:numPr>
        <w:spacing w:line="276" w:lineRule="auto"/>
        <w:rPr>
          <w:rFonts w:ascii="Arial" w:hAnsi="Arial" w:cs="Arial"/>
          <w:i/>
          <w:iCs/>
          <w:lang w:val="fr-CH"/>
        </w:rPr>
      </w:pPr>
      <w:r w:rsidRPr="00A4665D">
        <w:rPr>
          <w:rFonts w:ascii="Arial" w:hAnsi="Arial" w:cs="Arial"/>
          <w:i/>
          <w:iCs/>
          <w:lang w:val="fr-CH"/>
        </w:rPr>
        <w:t xml:space="preserve">Qu’est-ce qui se trouve entre le Moulin Rouge et </w:t>
      </w:r>
      <w:r>
        <w:rPr>
          <w:rFonts w:ascii="Arial" w:hAnsi="Arial" w:cs="Arial"/>
          <w:i/>
          <w:iCs/>
          <w:lang w:val="fr-CH"/>
        </w:rPr>
        <w:t>la Gare du Nord</w:t>
      </w:r>
      <w:r w:rsidRPr="00A4665D">
        <w:rPr>
          <w:rFonts w:ascii="Arial" w:hAnsi="Arial" w:cs="Arial"/>
          <w:i/>
          <w:iCs/>
          <w:lang w:val="fr-CH"/>
        </w:rPr>
        <w:t xml:space="preserve">? </w:t>
      </w:r>
    </w:p>
    <w:p w14:paraId="1FCE91E0" w14:textId="77777777" w:rsidR="00AB08F3" w:rsidRDefault="00AB08F3" w:rsidP="00AB08F3">
      <w:pPr>
        <w:pStyle w:val="Listenabsatz"/>
        <w:spacing w:line="276" w:lineRule="auto"/>
        <w:rPr>
          <w:rFonts w:ascii="Arial" w:hAnsi="Arial" w:cs="Arial"/>
          <w:i/>
          <w:iCs/>
          <w:lang w:val="fr-CH"/>
        </w:rPr>
      </w:pPr>
      <w:r w:rsidRPr="00A4665D">
        <w:rPr>
          <w:rFonts w:ascii="Arial" w:hAnsi="Arial" w:cs="Arial"/>
          <w:i/>
          <w:iCs/>
          <w:lang w:val="fr-CH"/>
        </w:rPr>
        <w:t>Réponse:</w:t>
      </w:r>
      <w:r>
        <w:rPr>
          <w:rFonts w:ascii="Arial" w:hAnsi="Arial" w:cs="Arial"/>
          <w:i/>
          <w:iCs/>
          <w:lang w:val="fr-CH"/>
        </w:rPr>
        <w:t xml:space="preserve"> l</w:t>
      </w:r>
      <w:r w:rsidRPr="00A4665D">
        <w:rPr>
          <w:rFonts w:ascii="Arial" w:hAnsi="Arial" w:cs="Arial"/>
          <w:i/>
          <w:iCs/>
          <w:lang w:val="fr-CH"/>
        </w:rPr>
        <w:t>e Sacré Cœur.</w:t>
      </w:r>
    </w:p>
    <w:p w14:paraId="52BEEFFA" w14:textId="77777777" w:rsidR="00AB08F3" w:rsidRDefault="00AB08F3" w:rsidP="00AB08F3">
      <w:pPr>
        <w:pStyle w:val="Listenabsatz"/>
        <w:numPr>
          <w:ilvl w:val="0"/>
          <w:numId w:val="3"/>
        </w:numPr>
        <w:spacing w:line="276" w:lineRule="auto"/>
        <w:rPr>
          <w:rFonts w:ascii="Arial" w:hAnsi="Arial" w:cs="Arial"/>
          <w:i/>
          <w:iCs/>
          <w:lang w:val="fr-CH"/>
        </w:rPr>
      </w:pPr>
      <w:r w:rsidRPr="00981480">
        <w:rPr>
          <w:rFonts w:ascii="Arial" w:hAnsi="Arial" w:cs="Arial"/>
          <w:i/>
          <w:iCs/>
          <w:lang w:val="fr-CH"/>
        </w:rPr>
        <w:t xml:space="preserve">Qu’est-ce qui se trouve au-dessus du Louvre? </w:t>
      </w:r>
    </w:p>
    <w:p w14:paraId="02092D1B" w14:textId="04120466" w:rsidR="00AB08F3" w:rsidRDefault="00AB08F3" w:rsidP="00AB08F3">
      <w:pPr>
        <w:pStyle w:val="Listenabsatz"/>
        <w:spacing w:line="276" w:lineRule="auto"/>
        <w:rPr>
          <w:rFonts w:ascii="Arial" w:hAnsi="Arial" w:cs="Arial"/>
          <w:i/>
          <w:iCs/>
          <w:lang w:val="fr-CH"/>
        </w:rPr>
      </w:pPr>
      <w:r w:rsidRPr="00981480">
        <w:rPr>
          <w:rFonts w:ascii="Arial" w:hAnsi="Arial" w:cs="Arial"/>
          <w:i/>
          <w:iCs/>
          <w:lang w:val="fr-CH"/>
        </w:rPr>
        <w:t xml:space="preserve">Réponse: </w:t>
      </w:r>
      <w:r>
        <w:rPr>
          <w:rFonts w:ascii="Arial" w:hAnsi="Arial" w:cs="Arial"/>
          <w:i/>
          <w:iCs/>
          <w:lang w:val="fr-CH"/>
        </w:rPr>
        <w:t>l</w:t>
      </w:r>
      <w:r w:rsidRPr="00981480">
        <w:rPr>
          <w:rFonts w:ascii="Arial" w:hAnsi="Arial" w:cs="Arial"/>
          <w:i/>
          <w:iCs/>
          <w:lang w:val="fr-CH"/>
        </w:rPr>
        <w:t xml:space="preserve">’Opéra. </w:t>
      </w:r>
    </w:p>
    <w:p w14:paraId="423F5EFF" w14:textId="142C4158" w:rsidR="00F42384" w:rsidRPr="00F42384" w:rsidRDefault="00F42384" w:rsidP="00F42384">
      <w:pPr>
        <w:rPr>
          <w:lang w:val="fr-CH"/>
        </w:rPr>
      </w:pPr>
    </w:p>
    <w:p w14:paraId="15642C20" w14:textId="3EFD73D5" w:rsidR="00F42384" w:rsidRPr="00F42384" w:rsidRDefault="00F42384" w:rsidP="00F42384">
      <w:pPr>
        <w:rPr>
          <w:lang w:val="fr-CH"/>
        </w:rPr>
      </w:pPr>
    </w:p>
    <w:p w14:paraId="1C5192AA" w14:textId="47D3357F" w:rsidR="00F42384" w:rsidRPr="00F42384" w:rsidRDefault="00F42384" w:rsidP="00F42384">
      <w:pPr>
        <w:tabs>
          <w:tab w:val="left" w:pos="6548"/>
        </w:tabs>
        <w:rPr>
          <w:lang w:val="fr-CH"/>
        </w:rPr>
      </w:pPr>
    </w:p>
    <w:p w14:paraId="35140BC6" w14:textId="77777777" w:rsidR="00AB08F3" w:rsidRPr="00DF04DD" w:rsidRDefault="00AB08F3" w:rsidP="00AB08F3">
      <w:pPr>
        <w:rPr>
          <w:rFonts w:ascii="Times New Roman" w:eastAsia="Times New Roman" w:hAnsi="Times New Roman" w:cs="Times New Roman"/>
          <w:lang w:eastAsia="de-DE"/>
        </w:rPr>
      </w:pPr>
      <w:r w:rsidRPr="00DF04DD">
        <w:rPr>
          <w:rFonts w:ascii="Times New Roman" w:eastAsia="Times New Roman" w:hAnsi="Times New Roman" w:cs="Times New Roman"/>
          <w:lang w:eastAsia="de-DE"/>
        </w:rPr>
        <w:lastRenderedPageBreak/>
        <w:fldChar w:fldCharType="begin"/>
      </w:r>
      <w:r>
        <w:rPr>
          <w:rFonts w:ascii="Times New Roman" w:eastAsia="Times New Roman" w:hAnsi="Times New Roman" w:cs="Times New Roman"/>
          <w:lang w:eastAsia="de-DE"/>
        </w:rPr>
        <w:instrText xml:space="preserve"> INCLUDEPICTURE "\\\\media.int\\var\\folders\\s1\\2k9c71ms3b7ffryp7wlq280r0000gn\\T\\com.microsoft.Word\\WebArchiveCopyPasteTempFiles\\p.jpeg?fv_content=true&amp;size_mode=5" \* MERGEFORMAT </w:instrText>
      </w:r>
      <w:r w:rsidRPr="00DF04DD">
        <w:rPr>
          <w:rFonts w:ascii="Times New Roman" w:eastAsia="Times New Roman" w:hAnsi="Times New Roman" w:cs="Times New Roman"/>
          <w:lang w:eastAsia="de-DE"/>
        </w:rPr>
        <w:fldChar w:fldCharType="separate"/>
      </w:r>
      <w:r w:rsidRPr="00DF04DD">
        <w:rPr>
          <w:rFonts w:ascii="Times New Roman" w:eastAsia="Times New Roman" w:hAnsi="Times New Roman" w:cs="Times New Roman"/>
          <w:noProof/>
          <w:lang w:eastAsia="de-DE"/>
        </w:rPr>
        <w:drawing>
          <wp:inline distT="0" distB="0" distL="0" distR="0" wp14:anchorId="2F2EBC46" wp14:editId="2EF988AC">
            <wp:extent cx="5756910" cy="4235450"/>
            <wp:effectExtent l="0" t="0" r="0" b="6350"/>
            <wp:docPr id="9" name="Grafik 9" descr="Ein Bild, das Text, Karte, sitzend, Tisch enthält.&#10;&#10;Automatisch generierte Beschreibu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Grafik 9" descr="Ein Bild, das Text, Karte, sitzend, Tisch enthält.&#10;&#10;Automatisch generierte Beschreibu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6910" cy="42354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DF04DD">
        <w:rPr>
          <w:rFonts w:ascii="Times New Roman" w:eastAsia="Times New Roman" w:hAnsi="Times New Roman" w:cs="Times New Roman"/>
          <w:lang w:eastAsia="de-DE"/>
        </w:rPr>
        <w:fldChar w:fldCharType="end"/>
      </w:r>
    </w:p>
    <w:p w14:paraId="5D146FCA" w14:textId="77777777" w:rsidR="00AB08F3" w:rsidRDefault="00AB08F3" w:rsidP="00AB08F3">
      <w:pPr>
        <w:spacing w:line="276" w:lineRule="auto"/>
        <w:rPr>
          <w:rFonts w:ascii="Arial" w:hAnsi="Arial" w:cs="Arial"/>
          <w:sz w:val="12"/>
          <w:szCs w:val="12"/>
          <w:lang w:val="fr-CH"/>
        </w:rPr>
      </w:pPr>
    </w:p>
    <w:p w14:paraId="5F5FE376" w14:textId="275C0ACC" w:rsidR="00AB08F3" w:rsidRPr="00AB08F3" w:rsidRDefault="00AB08F3" w:rsidP="00AB08F3">
      <w:pPr>
        <w:rPr>
          <w:rFonts w:ascii="Times New Roman" w:eastAsia="Times New Roman" w:hAnsi="Times New Roman" w:cs="Times New Roman"/>
          <w:sz w:val="12"/>
          <w:szCs w:val="12"/>
          <w:lang w:val="fr-CH" w:eastAsia="de-DE"/>
        </w:rPr>
      </w:pPr>
      <w:r w:rsidRPr="00041F4B">
        <w:rPr>
          <w:rFonts w:ascii="Arial" w:hAnsi="Arial" w:cs="Arial"/>
          <w:sz w:val="12"/>
          <w:szCs w:val="12"/>
          <w:lang w:val="fr-CH"/>
        </w:rPr>
        <w:t xml:space="preserve">Quelle: </w:t>
      </w:r>
      <w:r w:rsidRPr="00AB08F3">
        <w:rPr>
          <w:rFonts w:ascii="Arial" w:eastAsia="Times New Roman" w:hAnsi="Arial" w:cs="Arial"/>
          <w:color w:val="000000"/>
          <w:sz w:val="12"/>
          <w:szCs w:val="12"/>
          <w:shd w:val="clear" w:color="auto" w:fill="FFFFFF"/>
          <w:lang w:val="fr-CH" w:eastAsia="de-DE"/>
        </w:rPr>
        <w:t>Shutterstock / asantosg</w:t>
      </w:r>
    </w:p>
    <w:p w14:paraId="7CA5FF1A" w14:textId="1B75BBDB" w:rsidR="00AB08F3" w:rsidRPr="00561465" w:rsidRDefault="00AB08F3" w:rsidP="00AB08F3">
      <w:pPr>
        <w:spacing w:line="276" w:lineRule="auto"/>
        <w:rPr>
          <w:rFonts w:ascii="Arial" w:hAnsi="Arial" w:cs="Arial"/>
          <w:lang w:val="fr-CH"/>
        </w:rPr>
      </w:pPr>
    </w:p>
    <w:p w14:paraId="08AC4140" w14:textId="2403BF46" w:rsidR="00561465" w:rsidRPr="00561465" w:rsidRDefault="00561465" w:rsidP="00561465">
      <w:pPr>
        <w:spacing w:line="360" w:lineRule="auto"/>
        <w:rPr>
          <w:rFonts w:ascii="Arial" w:hAnsi="Arial" w:cs="Arial"/>
          <w:lang w:val="fr-CH"/>
        </w:rPr>
      </w:pPr>
      <w:r w:rsidRPr="00561465">
        <w:rPr>
          <w:rFonts w:ascii="Arial" w:hAnsi="Arial" w:cs="Arial"/>
          <w:lang w:val="fr-CH"/>
        </w:rPr>
        <w:t>_____________________________________________________________________________________________________________________________________________________________________</w:t>
      </w:r>
      <w:r>
        <w:rPr>
          <w:rFonts w:ascii="Arial" w:hAnsi="Arial" w:cs="Arial"/>
          <w:lang w:val="fr-CH"/>
        </w:rPr>
        <w:t>________________________________________________________________________________________________________________________________________________________________________</w:t>
      </w:r>
      <w:r w:rsidRPr="00561465">
        <w:rPr>
          <w:rFonts w:ascii="Arial" w:hAnsi="Arial" w:cs="Arial"/>
          <w:lang w:val="fr-CH"/>
        </w:rPr>
        <w:t>_______________________________________________________________________________________________________________________________________________________________________</w:t>
      </w:r>
      <w:r>
        <w:rPr>
          <w:rFonts w:ascii="Arial" w:hAnsi="Arial" w:cs="Arial"/>
          <w:lang w:val="fr-CH"/>
        </w:rPr>
        <w:t>________________________________________________________________________________________________________________________________________________________________________</w:t>
      </w:r>
      <w:r w:rsidRPr="00561465">
        <w:rPr>
          <w:rFonts w:ascii="Arial" w:hAnsi="Arial" w:cs="Arial"/>
          <w:lang w:val="fr-CH"/>
        </w:rPr>
        <w:t>_________________________________</w:t>
      </w:r>
      <w:r>
        <w:rPr>
          <w:rFonts w:ascii="Arial" w:hAnsi="Arial" w:cs="Arial"/>
          <w:lang w:val="fr-CH"/>
        </w:rPr>
        <w:t>________________________________________________________________________________________________________________________________________________________________________</w:t>
      </w:r>
      <w:r w:rsidRPr="00561465">
        <w:rPr>
          <w:rFonts w:ascii="Arial" w:hAnsi="Arial" w:cs="Arial"/>
          <w:lang w:val="fr-CH"/>
        </w:rPr>
        <w:t>__</w:t>
      </w:r>
    </w:p>
    <w:p w14:paraId="1902E042" w14:textId="0401EAA1" w:rsidR="00561465" w:rsidRDefault="00561465" w:rsidP="00AB08F3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br w:type="page"/>
      </w:r>
    </w:p>
    <w:p w14:paraId="001F8301" w14:textId="77777777" w:rsidR="00AB08F3" w:rsidRDefault="00AB08F3" w:rsidP="00AB08F3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lang w:val="fr-CH"/>
        </w:rPr>
      </w:pPr>
      <w:r w:rsidRPr="00D157FC">
        <w:rPr>
          <w:rFonts w:ascii="Arial" w:hAnsi="Arial" w:cs="Arial"/>
          <w:b/>
          <w:bCs/>
          <w:lang w:val="fr-CH"/>
        </w:rPr>
        <w:lastRenderedPageBreak/>
        <w:t>*</w:t>
      </w:r>
      <w:r>
        <w:rPr>
          <w:rFonts w:ascii="Arial" w:hAnsi="Arial" w:cs="Arial"/>
          <w:b/>
          <w:bCs/>
          <w:lang w:val="fr-CH"/>
        </w:rPr>
        <w:t>6</w:t>
      </w:r>
      <w:r w:rsidRPr="00D157FC">
        <w:rPr>
          <w:rFonts w:ascii="Arial" w:hAnsi="Arial" w:cs="Arial"/>
          <w:b/>
          <w:bCs/>
          <w:lang w:val="fr-CH"/>
        </w:rPr>
        <w:t>.</w:t>
      </w:r>
      <w:r>
        <w:rPr>
          <w:rFonts w:ascii="Arial" w:hAnsi="Arial" w:cs="Arial"/>
          <w:b/>
          <w:bCs/>
          <w:lang w:val="fr-CH"/>
        </w:rPr>
        <w:t xml:space="preserve"> Aller plus loin</w:t>
      </w:r>
    </w:p>
    <w:p w14:paraId="53F17F00" w14:textId="77777777" w:rsidR="00AB08F3" w:rsidRDefault="00AB08F3" w:rsidP="00561465">
      <w:pPr>
        <w:pStyle w:val="Listenabsatz"/>
        <w:numPr>
          <w:ilvl w:val="0"/>
          <w:numId w:val="4"/>
        </w:numPr>
        <w:tabs>
          <w:tab w:val="left" w:pos="200"/>
          <w:tab w:val="left" w:pos="1720"/>
        </w:tabs>
        <w:jc w:val="both"/>
        <w:rPr>
          <w:rFonts w:ascii="Arial" w:hAnsi="Arial" w:cs="Arial"/>
        </w:rPr>
      </w:pPr>
      <w:r w:rsidRPr="00885651">
        <w:rPr>
          <w:rFonts w:ascii="Arial" w:hAnsi="Arial" w:cs="Arial"/>
        </w:rPr>
        <w:t xml:space="preserve">Vergleiche dich mit den Jugendlichen in Paris. Was machst du in deiner Freizeit? Kreuze in der rechten Spalte die Aussagen an, die auf dich zutreffen. </w:t>
      </w:r>
    </w:p>
    <w:p w14:paraId="41996589" w14:textId="4523EC71" w:rsidR="00561465" w:rsidRPr="00561465" w:rsidRDefault="00AB08F3" w:rsidP="00561465">
      <w:pPr>
        <w:pStyle w:val="Listenabsatz"/>
        <w:numPr>
          <w:ilvl w:val="0"/>
          <w:numId w:val="4"/>
        </w:numPr>
        <w:tabs>
          <w:tab w:val="left" w:pos="200"/>
          <w:tab w:val="left" w:pos="1720"/>
        </w:tabs>
        <w:jc w:val="both"/>
        <w:rPr>
          <w:rFonts w:ascii="Arial" w:hAnsi="Arial" w:cs="Arial"/>
        </w:rPr>
      </w:pPr>
      <w:r w:rsidRPr="00885651">
        <w:rPr>
          <w:rFonts w:ascii="Arial" w:hAnsi="Arial" w:cs="Arial"/>
        </w:rPr>
        <w:t xml:space="preserve">Schreibe jeden Satz </w:t>
      </w:r>
      <w:r>
        <w:rPr>
          <w:rFonts w:ascii="Arial" w:hAnsi="Arial" w:cs="Arial"/>
        </w:rPr>
        <w:t xml:space="preserve">(mittlere Spalte 1 – 12) in </w:t>
      </w:r>
      <w:r w:rsidRPr="00885651">
        <w:rPr>
          <w:rFonts w:ascii="Arial" w:hAnsi="Arial" w:cs="Arial"/>
        </w:rPr>
        <w:t xml:space="preserve">der </w:t>
      </w:r>
      <w:r>
        <w:rPr>
          <w:rFonts w:ascii="Arial" w:hAnsi="Arial" w:cs="Arial"/>
        </w:rPr>
        <w:t>Ich</w:t>
      </w:r>
      <w:r w:rsidRPr="00885651">
        <w:rPr>
          <w:rFonts w:ascii="Arial" w:hAnsi="Arial" w:cs="Arial"/>
        </w:rPr>
        <w:t xml:space="preserve">-Form auf Französisch. </w:t>
      </w:r>
    </w:p>
    <w:p w14:paraId="04CE91D1" w14:textId="77777777" w:rsidR="00561465" w:rsidRPr="00885651" w:rsidRDefault="00561465" w:rsidP="00561465">
      <w:pPr>
        <w:pStyle w:val="Listenabsatz"/>
        <w:tabs>
          <w:tab w:val="left" w:pos="200"/>
          <w:tab w:val="left" w:pos="1720"/>
        </w:tabs>
        <w:ind w:left="360"/>
        <w:jc w:val="both"/>
        <w:rPr>
          <w:rFonts w:ascii="Arial" w:hAnsi="Arial" w:cs="Arial"/>
        </w:rPr>
      </w:pPr>
    </w:p>
    <w:p w14:paraId="4C1A1C67" w14:textId="77777777" w:rsidR="00AB08F3" w:rsidRPr="005309A4" w:rsidRDefault="00AB08F3" w:rsidP="00AB08F3">
      <w:pPr>
        <w:rPr>
          <w:sz w:val="10"/>
          <w:szCs w:val="10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3944"/>
        <w:gridCol w:w="4681"/>
        <w:gridCol w:w="731"/>
      </w:tblGrid>
      <w:tr w:rsidR="00AB08F3" w14:paraId="5B54C1AF" w14:textId="77777777" w:rsidTr="00F42384">
        <w:tc>
          <w:tcPr>
            <w:tcW w:w="3823" w:type="dxa"/>
          </w:tcPr>
          <w:p w14:paraId="20C08572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  <w:r>
              <w:rPr>
                <w:rFonts w:ascii="Arial" w:hAnsi="Arial" w:cs="Arial"/>
                <w:b/>
                <w:bCs/>
                <w:lang w:val="fr-CH"/>
              </w:rPr>
              <w:t xml:space="preserve">Activités des jeunes </w:t>
            </w:r>
            <w:r w:rsidRPr="00625CE1">
              <w:rPr>
                <w:rFonts w:ascii="Arial" w:hAnsi="Arial" w:cs="Arial"/>
                <w:b/>
                <w:bCs/>
                <w:lang w:val="fr-CH"/>
              </w:rPr>
              <w:t>paris</w:t>
            </w:r>
            <w:r>
              <w:rPr>
                <w:rFonts w:ascii="Arial" w:hAnsi="Arial" w:cs="Arial"/>
                <w:b/>
                <w:bCs/>
                <w:lang w:val="fr-CH"/>
              </w:rPr>
              <w:t>i</w:t>
            </w:r>
            <w:r w:rsidRPr="00625CE1">
              <w:rPr>
                <w:rFonts w:ascii="Arial" w:hAnsi="Arial" w:cs="Arial"/>
                <w:b/>
                <w:bCs/>
                <w:lang w:val="fr-CH"/>
              </w:rPr>
              <w:t>ens</w:t>
            </w:r>
          </w:p>
        </w:tc>
        <w:tc>
          <w:tcPr>
            <w:tcW w:w="4536" w:type="dxa"/>
          </w:tcPr>
          <w:p w14:paraId="14CC1AB8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  <w:r>
              <w:rPr>
                <w:rFonts w:ascii="Arial" w:hAnsi="Arial" w:cs="Arial"/>
                <w:b/>
                <w:bCs/>
                <w:lang w:val="fr-CH"/>
              </w:rPr>
              <w:t xml:space="preserve">Mes activités </w:t>
            </w:r>
          </w:p>
        </w:tc>
        <w:tc>
          <w:tcPr>
            <w:tcW w:w="708" w:type="dxa"/>
          </w:tcPr>
          <w:p w14:paraId="7529B013" w14:textId="77777777" w:rsidR="00AB08F3" w:rsidRDefault="00AB08F3" w:rsidP="00135E27">
            <w:pPr>
              <w:rPr>
                <w:rFonts w:ascii="Arial" w:hAnsi="Arial" w:cs="Arial"/>
                <w:b/>
                <w:bCs/>
                <w:lang w:val="fr-CH"/>
              </w:rPr>
            </w:pPr>
            <w:r>
              <w:rPr>
                <w:rFonts w:ascii="Arial" w:hAnsi="Arial" w:cs="Arial"/>
                <w:noProof/>
                <w:lang w:val="fr-CH"/>
              </w:rPr>
              <w:drawing>
                <wp:inline distT="0" distB="0" distL="0" distR="0" wp14:anchorId="35FCEDA6" wp14:editId="4335D7DD">
                  <wp:extent cx="231253" cy="231253"/>
                  <wp:effectExtent l="0" t="0" r="0" b="0"/>
                  <wp:docPr id="5" name="Grafik 5" descr="Häkche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Grafik 1" descr="Häkchen"/>
                          <pic:cNvPicPr/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  <a:ext uri="{96DAC541-7B7A-43D3-8B79-37D633B846F1}">
                                <asvg:svgBlip xmlns:asvg="http://schemas.microsoft.com/office/drawing/2016/SVG/main" r:embed="rId8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36037" cy="23603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AB08F3" w:rsidRPr="00615B4D" w14:paraId="3A581744" w14:textId="77777777" w:rsidTr="00F42384">
        <w:trPr>
          <w:trHeight w:val="680"/>
        </w:trPr>
        <w:tc>
          <w:tcPr>
            <w:tcW w:w="3823" w:type="dxa"/>
          </w:tcPr>
          <w:p w14:paraId="5D974F48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. Ils sortent avec les amis.</w:t>
            </w:r>
          </w:p>
        </w:tc>
        <w:tc>
          <w:tcPr>
            <w:tcW w:w="4536" w:type="dxa"/>
          </w:tcPr>
          <w:p w14:paraId="10C96EE7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. Je sors avec mes amis.</w:t>
            </w:r>
          </w:p>
          <w:p w14:paraId="1AB03D0E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708" w:type="dxa"/>
          </w:tcPr>
          <w:p w14:paraId="76231135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  <w:tr w:rsidR="00AB08F3" w14:paraId="601BD3AC" w14:textId="77777777" w:rsidTr="00F42384">
        <w:trPr>
          <w:trHeight w:val="680"/>
        </w:trPr>
        <w:tc>
          <w:tcPr>
            <w:tcW w:w="3823" w:type="dxa"/>
          </w:tcPr>
          <w:p w14:paraId="60814CAA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2. Les </w:t>
            </w:r>
            <w:r w:rsidRPr="00B90163">
              <w:rPr>
                <w:rFonts w:ascii="Arial" w:hAnsi="Arial" w:cs="Arial"/>
                <w:lang w:val="fr-CH"/>
              </w:rPr>
              <w:t>paris</w:t>
            </w:r>
            <w:r>
              <w:rPr>
                <w:rFonts w:ascii="Arial" w:hAnsi="Arial" w:cs="Arial"/>
                <w:lang w:val="fr-CH"/>
              </w:rPr>
              <w:t>i</w:t>
            </w:r>
            <w:r w:rsidRPr="00B90163">
              <w:rPr>
                <w:rFonts w:ascii="Arial" w:hAnsi="Arial" w:cs="Arial"/>
                <w:lang w:val="fr-CH"/>
              </w:rPr>
              <w:t>ens</w:t>
            </w:r>
            <w:r>
              <w:rPr>
                <w:rFonts w:ascii="Arial" w:hAnsi="Arial" w:cs="Arial"/>
                <w:lang w:val="fr-CH"/>
              </w:rPr>
              <w:t xml:space="preserve"> font du shopping.</w:t>
            </w:r>
          </w:p>
        </w:tc>
        <w:tc>
          <w:tcPr>
            <w:tcW w:w="4536" w:type="dxa"/>
          </w:tcPr>
          <w:p w14:paraId="5B67021A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2. </w:t>
            </w:r>
          </w:p>
          <w:p w14:paraId="19C89250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708" w:type="dxa"/>
          </w:tcPr>
          <w:p w14:paraId="3EA1CBFF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  <w:tr w:rsidR="00AB08F3" w14:paraId="18C343B7" w14:textId="77777777" w:rsidTr="00F42384">
        <w:trPr>
          <w:trHeight w:val="680"/>
        </w:trPr>
        <w:tc>
          <w:tcPr>
            <w:tcW w:w="3823" w:type="dxa"/>
          </w:tcPr>
          <w:p w14:paraId="269445C0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3. Les jeunes vont au cinéma.</w:t>
            </w:r>
          </w:p>
        </w:tc>
        <w:tc>
          <w:tcPr>
            <w:tcW w:w="4536" w:type="dxa"/>
          </w:tcPr>
          <w:p w14:paraId="2144AF8B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3. </w:t>
            </w:r>
          </w:p>
          <w:p w14:paraId="630F2456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708" w:type="dxa"/>
          </w:tcPr>
          <w:p w14:paraId="56F1E3F6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  <w:tr w:rsidR="00AB08F3" w14:paraId="27A7AA39" w14:textId="77777777" w:rsidTr="00F42384">
        <w:trPr>
          <w:trHeight w:val="680"/>
        </w:trPr>
        <w:tc>
          <w:tcPr>
            <w:tcW w:w="3823" w:type="dxa"/>
          </w:tcPr>
          <w:p w14:paraId="160973D0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4. Ils vont au musée.</w:t>
            </w:r>
          </w:p>
        </w:tc>
        <w:tc>
          <w:tcPr>
            <w:tcW w:w="4536" w:type="dxa"/>
          </w:tcPr>
          <w:p w14:paraId="03ACAC1D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4. </w:t>
            </w:r>
          </w:p>
          <w:p w14:paraId="125374D5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708" w:type="dxa"/>
          </w:tcPr>
          <w:p w14:paraId="26B5CDDF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  <w:tr w:rsidR="00AB08F3" w14:paraId="0E96566A" w14:textId="77777777" w:rsidTr="00F42384">
        <w:trPr>
          <w:trHeight w:val="680"/>
        </w:trPr>
        <w:tc>
          <w:tcPr>
            <w:tcW w:w="3823" w:type="dxa"/>
          </w:tcPr>
          <w:p w14:paraId="663A07C0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5. Ils jouent aux cartes.</w:t>
            </w:r>
          </w:p>
        </w:tc>
        <w:tc>
          <w:tcPr>
            <w:tcW w:w="4536" w:type="dxa"/>
          </w:tcPr>
          <w:p w14:paraId="5B482FAF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5.</w:t>
            </w:r>
          </w:p>
          <w:p w14:paraId="7B5A2BBB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708" w:type="dxa"/>
          </w:tcPr>
          <w:p w14:paraId="4D4C98FF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  <w:tr w:rsidR="00AB08F3" w14:paraId="0D4B0AF0" w14:textId="77777777" w:rsidTr="00F42384">
        <w:trPr>
          <w:trHeight w:val="680"/>
        </w:trPr>
        <w:tc>
          <w:tcPr>
            <w:tcW w:w="3823" w:type="dxa"/>
          </w:tcPr>
          <w:p w14:paraId="387DE9F0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6. Les jeunes </w:t>
            </w:r>
            <w:r w:rsidRPr="00B90163">
              <w:rPr>
                <w:rFonts w:ascii="Arial" w:hAnsi="Arial" w:cs="Arial"/>
                <w:lang w:val="fr-CH"/>
              </w:rPr>
              <w:t>paris</w:t>
            </w:r>
            <w:r>
              <w:rPr>
                <w:rFonts w:ascii="Arial" w:hAnsi="Arial" w:cs="Arial"/>
                <w:lang w:val="fr-CH"/>
              </w:rPr>
              <w:t>i</w:t>
            </w:r>
            <w:r w:rsidRPr="00B90163">
              <w:rPr>
                <w:rFonts w:ascii="Arial" w:hAnsi="Arial" w:cs="Arial"/>
                <w:lang w:val="fr-CH"/>
              </w:rPr>
              <w:t>ens</w:t>
            </w:r>
            <w:r>
              <w:rPr>
                <w:rFonts w:ascii="Arial" w:hAnsi="Arial" w:cs="Arial"/>
                <w:lang w:val="fr-CH"/>
              </w:rPr>
              <w:t xml:space="preserve"> font du sport.</w:t>
            </w:r>
          </w:p>
        </w:tc>
        <w:tc>
          <w:tcPr>
            <w:tcW w:w="4536" w:type="dxa"/>
          </w:tcPr>
          <w:p w14:paraId="51847653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6. </w:t>
            </w:r>
          </w:p>
        </w:tc>
        <w:tc>
          <w:tcPr>
            <w:tcW w:w="708" w:type="dxa"/>
          </w:tcPr>
          <w:p w14:paraId="61BC3BB2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  <w:tr w:rsidR="00AB08F3" w14:paraId="139E3FB3" w14:textId="77777777" w:rsidTr="00F42384">
        <w:trPr>
          <w:trHeight w:val="680"/>
        </w:trPr>
        <w:tc>
          <w:tcPr>
            <w:tcW w:w="3823" w:type="dxa"/>
          </w:tcPr>
          <w:p w14:paraId="12EF428D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7. Ils rencontrent les amis dans un café.</w:t>
            </w:r>
          </w:p>
        </w:tc>
        <w:tc>
          <w:tcPr>
            <w:tcW w:w="4536" w:type="dxa"/>
          </w:tcPr>
          <w:p w14:paraId="7FD8D8E3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7. </w:t>
            </w:r>
          </w:p>
        </w:tc>
        <w:tc>
          <w:tcPr>
            <w:tcW w:w="708" w:type="dxa"/>
          </w:tcPr>
          <w:p w14:paraId="3D05691D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  <w:tr w:rsidR="00AB08F3" w14:paraId="47376B78" w14:textId="77777777" w:rsidTr="00F42384">
        <w:trPr>
          <w:trHeight w:val="680"/>
        </w:trPr>
        <w:tc>
          <w:tcPr>
            <w:tcW w:w="3823" w:type="dxa"/>
          </w:tcPr>
          <w:p w14:paraId="38FE786A" w14:textId="77777777" w:rsidR="00AB08F3" w:rsidRPr="00044EF6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8. Les jeunes se promènent au bord d’un canal. </w:t>
            </w:r>
          </w:p>
        </w:tc>
        <w:tc>
          <w:tcPr>
            <w:tcW w:w="4536" w:type="dxa"/>
          </w:tcPr>
          <w:p w14:paraId="155E51CD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8.</w:t>
            </w:r>
          </w:p>
        </w:tc>
        <w:tc>
          <w:tcPr>
            <w:tcW w:w="708" w:type="dxa"/>
          </w:tcPr>
          <w:p w14:paraId="5E74F066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  <w:tr w:rsidR="00AB08F3" w14:paraId="4C0D0FAF" w14:textId="77777777" w:rsidTr="00F42384">
        <w:trPr>
          <w:trHeight w:val="680"/>
        </w:trPr>
        <w:tc>
          <w:tcPr>
            <w:tcW w:w="3823" w:type="dxa"/>
          </w:tcPr>
          <w:p w14:paraId="3422C272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9. Les jeunes </w:t>
            </w:r>
            <w:r w:rsidRPr="00B90163">
              <w:rPr>
                <w:rFonts w:ascii="Arial" w:hAnsi="Arial" w:cs="Arial"/>
                <w:lang w:val="fr-CH"/>
              </w:rPr>
              <w:t>paris</w:t>
            </w:r>
            <w:r>
              <w:rPr>
                <w:rFonts w:ascii="Arial" w:hAnsi="Arial" w:cs="Arial"/>
                <w:lang w:val="fr-CH"/>
              </w:rPr>
              <w:t>i</w:t>
            </w:r>
            <w:r w:rsidRPr="00B90163">
              <w:rPr>
                <w:rFonts w:ascii="Arial" w:hAnsi="Arial" w:cs="Arial"/>
                <w:lang w:val="fr-CH"/>
              </w:rPr>
              <w:t>ens</w:t>
            </w:r>
            <w:r>
              <w:rPr>
                <w:rFonts w:ascii="Arial" w:hAnsi="Arial" w:cs="Arial"/>
                <w:lang w:val="fr-CH"/>
              </w:rPr>
              <w:t xml:space="preserve"> se rencontrent dans un parc.</w:t>
            </w:r>
          </w:p>
        </w:tc>
        <w:tc>
          <w:tcPr>
            <w:tcW w:w="4536" w:type="dxa"/>
          </w:tcPr>
          <w:p w14:paraId="348A5FD0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9</w:t>
            </w:r>
          </w:p>
        </w:tc>
        <w:tc>
          <w:tcPr>
            <w:tcW w:w="708" w:type="dxa"/>
          </w:tcPr>
          <w:p w14:paraId="3B8A8495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  <w:tr w:rsidR="00AB08F3" w14:paraId="778EC26C" w14:textId="77777777" w:rsidTr="00F42384">
        <w:trPr>
          <w:trHeight w:val="680"/>
        </w:trPr>
        <w:tc>
          <w:tcPr>
            <w:tcW w:w="3823" w:type="dxa"/>
          </w:tcPr>
          <w:p w14:paraId="2C1F9853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0. Ils lisent des livres.</w:t>
            </w:r>
          </w:p>
        </w:tc>
        <w:tc>
          <w:tcPr>
            <w:tcW w:w="4536" w:type="dxa"/>
          </w:tcPr>
          <w:p w14:paraId="53236345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0.</w:t>
            </w:r>
          </w:p>
          <w:p w14:paraId="0FA433F9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708" w:type="dxa"/>
          </w:tcPr>
          <w:p w14:paraId="296A8C22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  <w:tr w:rsidR="00AB08F3" w14:paraId="1EE01C56" w14:textId="77777777" w:rsidTr="00F42384">
        <w:trPr>
          <w:trHeight w:val="680"/>
        </w:trPr>
        <w:tc>
          <w:tcPr>
            <w:tcW w:w="3823" w:type="dxa"/>
          </w:tcPr>
          <w:p w14:paraId="3AC5B3C7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1. Ils regardent la télé.</w:t>
            </w:r>
          </w:p>
        </w:tc>
        <w:tc>
          <w:tcPr>
            <w:tcW w:w="4536" w:type="dxa"/>
          </w:tcPr>
          <w:p w14:paraId="4D8EAD96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1.</w:t>
            </w:r>
          </w:p>
          <w:p w14:paraId="75A63A97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  <w:tc>
          <w:tcPr>
            <w:tcW w:w="708" w:type="dxa"/>
          </w:tcPr>
          <w:p w14:paraId="0522B0AA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  <w:tr w:rsidR="00AB08F3" w14:paraId="17053842" w14:textId="77777777" w:rsidTr="00F42384">
        <w:trPr>
          <w:trHeight w:val="680"/>
        </w:trPr>
        <w:tc>
          <w:tcPr>
            <w:tcW w:w="3823" w:type="dxa"/>
          </w:tcPr>
          <w:p w14:paraId="16ABDA06" w14:textId="77777777" w:rsidR="00AB08F3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2. Les jeunes surfent sur Internet.</w:t>
            </w:r>
          </w:p>
        </w:tc>
        <w:tc>
          <w:tcPr>
            <w:tcW w:w="4536" w:type="dxa"/>
          </w:tcPr>
          <w:p w14:paraId="59D7D64B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12.</w:t>
            </w:r>
          </w:p>
        </w:tc>
        <w:tc>
          <w:tcPr>
            <w:tcW w:w="708" w:type="dxa"/>
          </w:tcPr>
          <w:p w14:paraId="4844EB57" w14:textId="77777777" w:rsidR="00AB08F3" w:rsidRPr="001F5E5A" w:rsidRDefault="00AB08F3" w:rsidP="00135E27">
            <w:pPr>
              <w:rPr>
                <w:rFonts w:ascii="Arial" w:hAnsi="Arial" w:cs="Arial"/>
                <w:lang w:val="fr-CH"/>
              </w:rPr>
            </w:pPr>
          </w:p>
        </w:tc>
      </w:tr>
    </w:tbl>
    <w:p w14:paraId="189FCB55" w14:textId="77777777" w:rsidR="00E61770" w:rsidRPr="00992AB0" w:rsidRDefault="00E61770" w:rsidP="008724B7">
      <w:pPr>
        <w:spacing w:after="240" w:line="276" w:lineRule="auto"/>
        <w:rPr>
          <w:rFonts w:ascii="Arial" w:hAnsi="Arial" w:cs="Arial"/>
          <w:color w:val="FF0000"/>
          <w:lang w:val="fr-CH"/>
        </w:rPr>
      </w:pPr>
    </w:p>
    <w:sectPr w:rsidR="00E61770" w:rsidRPr="00992AB0" w:rsidSect="000A05C5">
      <w:headerReference w:type="default" r:id="rId10"/>
      <w:footerReference w:type="default" r:id="rId11"/>
      <w:pgSz w:w="11900" w:h="16840"/>
      <w:pgMar w:top="1417" w:right="1417" w:bottom="1134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4C5E9EDA" w14:textId="77777777" w:rsidR="00164039" w:rsidRDefault="00164039" w:rsidP="0022008E">
      <w:r>
        <w:separator/>
      </w:r>
    </w:p>
  </w:endnote>
  <w:endnote w:type="continuationSeparator" w:id="0">
    <w:p w14:paraId="7161F1A0" w14:textId="77777777" w:rsidR="00164039" w:rsidRDefault="00164039" w:rsidP="0022008E">
      <w:r>
        <w:continuationSeparator/>
      </w:r>
    </w:p>
  </w:endnote>
  <w:endnote w:type="continuationNotice" w:id="1">
    <w:p w14:paraId="1746C0F9" w14:textId="77777777" w:rsidR="00164039" w:rsidRDefault="00164039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356" w:type="dxa"/>
      <w:shd w:val="clear" w:color="auto" w:fill="EAEAEA"/>
      <w:tblLayout w:type="fixed"/>
      <w:tblCellMar>
        <w:left w:w="68" w:type="dxa"/>
        <w:right w:w="68" w:type="dxa"/>
      </w:tblCellMar>
      <w:tblLook w:val="0000" w:firstRow="0" w:lastRow="0" w:firstColumn="0" w:lastColumn="0" w:noHBand="0" w:noVBand="0"/>
    </w:tblPr>
    <w:tblGrid>
      <w:gridCol w:w="2840"/>
      <w:gridCol w:w="4778"/>
      <w:gridCol w:w="1738"/>
    </w:tblGrid>
    <w:tr w:rsidR="00CD4BA1" w:rsidRPr="002D00AC" w14:paraId="10981FC2" w14:textId="77777777" w:rsidTr="00F42384">
      <w:trPr>
        <w:trHeight w:val="227"/>
      </w:trPr>
      <w:tc>
        <w:tcPr>
          <w:tcW w:w="2754" w:type="dxa"/>
          <w:shd w:val="clear" w:color="auto" w:fill="C7C0B9"/>
          <w:vAlign w:val="center"/>
        </w:tcPr>
        <w:p w14:paraId="17CCF95C" w14:textId="77777777" w:rsidR="00CD4BA1" w:rsidRPr="00FB2AB5" w:rsidRDefault="00CD4BA1" w:rsidP="00CD4BA1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bCs/>
              <w:sz w:val="18"/>
              <w:szCs w:val="18"/>
            </w:rPr>
          </w:pPr>
          <w:r w:rsidRPr="00FB2AB5">
            <w:rPr>
              <w:rFonts w:ascii="Arial" w:hAnsi="Arial"/>
              <w:b/>
              <w:bCs/>
              <w:sz w:val="18"/>
              <w:szCs w:val="18"/>
            </w:rPr>
            <w:t>srf.ch/myschool</w:t>
          </w:r>
        </w:p>
      </w:tc>
      <w:tc>
        <w:tcPr>
          <w:tcW w:w="4633" w:type="dxa"/>
          <w:shd w:val="clear" w:color="auto" w:fill="C7C0B9"/>
          <w:vAlign w:val="center"/>
        </w:tcPr>
        <w:p w14:paraId="2D86EB88" w14:textId="77777777" w:rsidR="00CD4BA1" w:rsidRPr="00FB2AB5" w:rsidRDefault="00CD4BA1" w:rsidP="00CD4BA1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sz w:val="18"/>
              <w:szCs w:val="18"/>
            </w:rPr>
          </w:pPr>
        </w:p>
      </w:tc>
      <w:tc>
        <w:tcPr>
          <w:tcW w:w="1685" w:type="dxa"/>
          <w:shd w:val="clear" w:color="auto" w:fill="C7C0B9"/>
          <w:vAlign w:val="center"/>
        </w:tcPr>
        <w:p w14:paraId="2C068139" w14:textId="77777777" w:rsidR="00CD4BA1" w:rsidRPr="00FB2AB5" w:rsidRDefault="00CD4BA1" w:rsidP="00CD4BA1">
          <w:pPr>
            <w:pStyle w:val="Kopfzeile"/>
            <w:tabs>
              <w:tab w:val="clear" w:pos="4536"/>
              <w:tab w:val="clear" w:pos="9072"/>
            </w:tabs>
            <w:jc w:val="right"/>
            <w:rPr>
              <w:rFonts w:ascii="Arial" w:hAnsi="Arial"/>
              <w:b/>
              <w:sz w:val="18"/>
              <w:szCs w:val="18"/>
            </w:rPr>
          </w:pPr>
          <w:r w:rsidRPr="00FB2AB5">
            <w:rPr>
              <w:rFonts w:ascii="Arial" w:hAnsi="Arial"/>
              <w:b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sz w:val="18"/>
              <w:szCs w:val="18"/>
            </w:rPr>
            <w:instrText xml:space="preserve"> PAGE   \* MERGEFORMAT </w:instrTex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end"/>
          </w:r>
          <w:r w:rsidRPr="00FB2AB5">
            <w:rPr>
              <w:rFonts w:ascii="Arial" w:hAnsi="Arial"/>
              <w:b/>
              <w:sz w:val="18"/>
              <w:szCs w:val="18"/>
            </w:rPr>
            <w:t>/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instrText xml:space="preserve"> NUMPAGES   \* MERGEFORMAT </w:instrTex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end"/>
          </w:r>
        </w:p>
      </w:tc>
    </w:tr>
  </w:tbl>
  <w:p w14:paraId="402A3F94" w14:textId="77777777" w:rsidR="0022008E" w:rsidRDefault="0022008E">
    <w:pPr>
      <w:pStyle w:val="Fuzeil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7C1ACD21" w14:textId="77777777" w:rsidR="00164039" w:rsidRDefault="00164039" w:rsidP="0022008E">
      <w:r>
        <w:separator/>
      </w:r>
    </w:p>
  </w:footnote>
  <w:footnote w:type="continuationSeparator" w:id="0">
    <w:p w14:paraId="47A40BA7" w14:textId="77777777" w:rsidR="00164039" w:rsidRDefault="00164039" w:rsidP="0022008E">
      <w:r>
        <w:continuationSeparator/>
      </w:r>
    </w:p>
  </w:footnote>
  <w:footnote w:type="continuationNotice" w:id="1">
    <w:p w14:paraId="269B8095" w14:textId="77777777" w:rsidR="00164039" w:rsidRDefault="00164039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Style w:val="Tabellenraster"/>
      <w:tblW w:w="9356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68" w:type="dxa"/>
        <w:right w:w="68" w:type="dxa"/>
      </w:tblCellMar>
      <w:tblLook w:val="04A0" w:firstRow="1" w:lastRow="0" w:firstColumn="1" w:lastColumn="0" w:noHBand="0" w:noVBand="1"/>
    </w:tblPr>
    <w:tblGrid>
      <w:gridCol w:w="2835"/>
      <w:gridCol w:w="6521"/>
    </w:tblGrid>
    <w:tr w:rsidR="00AB08F3" w:rsidRPr="00F62BE6" w14:paraId="732959A2" w14:textId="77777777" w:rsidTr="00135E27">
      <w:trPr>
        <w:trHeight w:val="430"/>
      </w:trPr>
      <w:tc>
        <w:tcPr>
          <w:tcW w:w="2835" w:type="dxa"/>
        </w:tcPr>
        <w:p w14:paraId="76560970" w14:textId="77777777" w:rsidR="00AB08F3" w:rsidRDefault="00AB08F3" w:rsidP="00AB08F3">
          <w:pPr>
            <w:pStyle w:val="Kopfzeile"/>
          </w:pPr>
          <w:r>
            <w:rPr>
              <w:noProof/>
              <w:lang w:val="de-DE" w:eastAsia="de-DE"/>
            </w:rPr>
            <w:drawing>
              <wp:inline distT="0" distB="0" distL="0" distR="0" wp14:anchorId="14608953" wp14:editId="5680F72A">
                <wp:extent cx="1656000" cy="421052"/>
                <wp:effectExtent l="0" t="0" r="1905" b="0"/>
                <wp:docPr id="54" name="Grafik 5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myschool_url_SRF_RGB.jpg"/>
                        <pic:cNvPicPr/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656000" cy="421052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6521" w:type="dxa"/>
          <w:vAlign w:val="bottom"/>
        </w:tcPr>
        <w:p w14:paraId="5DB50D4A" w14:textId="38308F7B" w:rsidR="00AB08F3" w:rsidRPr="00BC32EE" w:rsidRDefault="00AB08F3" w:rsidP="00AB08F3">
          <w:pPr>
            <w:pStyle w:val="Kopfzeile"/>
            <w:jc w:val="right"/>
            <w:rPr>
              <w:rFonts w:ascii="Arial" w:hAnsi="Arial"/>
              <w:b/>
              <w:lang w:val="fr-CH"/>
            </w:rPr>
          </w:pPr>
          <w:r w:rsidRPr="00BC32EE">
            <w:rPr>
              <w:rFonts w:ascii="Arial" w:hAnsi="Arial"/>
              <w:b/>
              <w:lang w:val="fr-CH"/>
            </w:rPr>
            <w:t xml:space="preserve">Alors demande! </w:t>
          </w:r>
          <w:r>
            <w:rPr>
              <w:rFonts w:ascii="Arial" w:hAnsi="Arial"/>
              <w:b/>
              <w:lang w:val="fr-CH"/>
            </w:rPr>
            <w:t>Paris</w:t>
          </w:r>
        </w:p>
        <w:p w14:paraId="05CBB69D" w14:textId="77777777" w:rsidR="00AB08F3" w:rsidRPr="00BC32EE" w:rsidRDefault="00AB08F3" w:rsidP="00AB08F3">
          <w:pPr>
            <w:pStyle w:val="Kopfzeile"/>
            <w:jc w:val="right"/>
            <w:rPr>
              <w:rFonts w:ascii="Arial" w:hAnsi="Arial"/>
              <w:b/>
              <w:lang w:val="fr-CH"/>
            </w:rPr>
          </w:pPr>
          <w:r w:rsidRPr="00BC32EE">
            <w:rPr>
              <w:rFonts w:ascii="Arial" w:hAnsi="Arial"/>
              <w:b/>
              <w:lang w:val="fr-CH"/>
            </w:rPr>
            <w:t>Aufgaben</w:t>
          </w:r>
        </w:p>
      </w:tc>
    </w:tr>
  </w:tbl>
  <w:p w14:paraId="7A3C4CF3" w14:textId="797641E7" w:rsidR="0022008E" w:rsidRPr="00AB08F3" w:rsidRDefault="0022008E">
    <w:pPr>
      <w:pStyle w:val="Kopfzeile"/>
      <w:rPr>
        <w:rFonts w:ascii="Arial" w:hAnsi="Arial" w:cs="Arial"/>
        <w:sz w:val="20"/>
        <w:szCs w:val="20"/>
        <w:lang w:val="fr-CH"/>
      </w:rPr>
    </w:pPr>
  </w:p>
  <w:p w14:paraId="48CB2DEF" w14:textId="77777777" w:rsidR="00AB08F3" w:rsidRPr="00AB08F3" w:rsidRDefault="00AB08F3">
    <w:pPr>
      <w:pStyle w:val="Kopfzeile"/>
      <w:rPr>
        <w:rFonts w:ascii="Arial" w:hAnsi="Arial" w:cs="Arial"/>
        <w:sz w:val="20"/>
        <w:szCs w:val="20"/>
        <w:lang w:val="fr-CH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02669FE"/>
    <w:multiLevelType w:val="hybridMultilevel"/>
    <w:tmpl w:val="F1887062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2355DD8"/>
    <w:multiLevelType w:val="hybridMultilevel"/>
    <w:tmpl w:val="D6C85EF6"/>
    <w:lvl w:ilvl="0" w:tplc="04070017">
      <w:start w:val="1"/>
      <w:numFmt w:val="lowerLetter"/>
      <w:lvlText w:val="%1)"/>
      <w:lvlJc w:val="left"/>
      <w:pPr>
        <w:ind w:left="360" w:hanging="360"/>
      </w:p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" w15:restartNumberingAfterBreak="0">
    <w:nsid w:val="10B35C5E"/>
    <w:multiLevelType w:val="hybridMultilevel"/>
    <w:tmpl w:val="1928529C"/>
    <w:lvl w:ilvl="0" w:tplc="0407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AA41F7F"/>
    <w:multiLevelType w:val="hybridMultilevel"/>
    <w:tmpl w:val="E506D3D6"/>
    <w:lvl w:ilvl="0" w:tplc="04070017">
      <w:start w:val="1"/>
      <w:numFmt w:val="lowerLetter"/>
      <w:lvlText w:val="%1)"/>
      <w:lvlJc w:val="left"/>
      <w:pPr>
        <w:ind w:left="360" w:hanging="360"/>
      </w:p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" w15:restartNumberingAfterBreak="0">
    <w:nsid w:val="4430317E"/>
    <w:multiLevelType w:val="hybridMultilevel"/>
    <w:tmpl w:val="AE3A9A22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7BEF5CE0"/>
    <w:multiLevelType w:val="hybridMultilevel"/>
    <w:tmpl w:val="FAC85DC6"/>
    <w:lvl w:ilvl="0" w:tplc="C49E6D00">
      <w:start w:val="4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5"/>
  </w:num>
  <w:num w:numId="2">
    <w:abstractNumId w:val="4"/>
  </w:num>
  <w:num w:numId="3">
    <w:abstractNumId w:val="0"/>
  </w:num>
  <w:num w:numId="4">
    <w:abstractNumId w:val="1"/>
  </w:num>
  <w:num w:numId="5">
    <w:abstractNumId w:val="2"/>
  </w:num>
  <w:num w:numId="6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defaultTabStop w:val="708"/>
  <w:hyphenationZone w:val="425"/>
  <w:characterSpacingControl w:val="doNotCompress"/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229A6"/>
    <w:rsid w:val="00003CD5"/>
    <w:rsid w:val="000049B4"/>
    <w:rsid w:val="00007DC5"/>
    <w:rsid w:val="000134CD"/>
    <w:rsid w:val="00015105"/>
    <w:rsid w:val="00017AE3"/>
    <w:rsid w:val="00026E74"/>
    <w:rsid w:val="00031DBC"/>
    <w:rsid w:val="00041F4B"/>
    <w:rsid w:val="0004405E"/>
    <w:rsid w:val="00044EF6"/>
    <w:rsid w:val="00053481"/>
    <w:rsid w:val="00055EC7"/>
    <w:rsid w:val="0006046F"/>
    <w:rsid w:val="00067DBF"/>
    <w:rsid w:val="0007106C"/>
    <w:rsid w:val="00073A1E"/>
    <w:rsid w:val="0007595D"/>
    <w:rsid w:val="000763E8"/>
    <w:rsid w:val="00082107"/>
    <w:rsid w:val="00082FCC"/>
    <w:rsid w:val="00086E09"/>
    <w:rsid w:val="0009642E"/>
    <w:rsid w:val="00096C3E"/>
    <w:rsid w:val="00097BFF"/>
    <w:rsid w:val="000A05C5"/>
    <w:rsid w:val="000A31C2"/>
    <w:rsid w:val="000A41FA"/>
    <w:rsid w:val="000A43F9"/>
    <w:rsid w:val="000A440E"/>
    <w:rsid w:val="000B218C"/>
    <w:rsid w:val="000C265C"/>
    <w:rsid w:val="000C478D"/>
    <w:rsid w:val="000E6D4B"/>
    <w:rsid w:val="000F5FA4"/>
    <w:rsid w:val="000F79CD"/>
    <w:rsid w:val="001009A8"/>
    <w:rsid w:val="00103F4E"/>
    <w:rsid w:val="001067FF"/>
    <w:rsid w:val="00122397"/>
    <w:rsid w:val="00133F6A"/>
    <w:rsid w:val="00137082"/>
    <w:rsid w:val="00137E6C"/>
    <w:rsid w:val="001425F2"/>
    <w:rsid w:val="0014511F"/>
    <w:rsid w:val="001464E9"/>
    <w:rsid w:val="00152509"/>
    <w:rsid w:val="001542F8"/>
    <w:rsid w:val="00164039"/>
    <w:rsid w:val="00165C5A"/>
    <w:rsid w:val="001734CA"/>
    <w:rsid w:val="00192AAD"/>
    <w:rsid w:val="00194771"/>
    <w:rsid w:val="001964B5"/>
    <w:rsid w:val="00197872"/>
    <w:rsid w:val="001A0C0B"/>
    <w:rsid w:val="001A2ADD"/>
    <w:rsid w:val="001A5849"/>
    <w:rsid w:val="001B0BED"/>
    <w:rsid w:val="001B0D90"/>
    <w:rsid w:val="001B22FF"/>
    <w:rsid w:val="001B707E"/>
    <w:rsid w:val="001F5E5A"/>
    <w:rsid w:val="00206D63"/>
    <w:rsid w:val="00214F39"/>
    <w:rsid w:val="0022008E"/>
    <w:rsid w:val="00223A73"/>
    <w:rsid w:val="002325CF"/>
    <w:rsid w:val="00245DD8"/>
    <w:rsid w:val="00260122"/>
    <w:rsid w:val="002666CE"/>
    <w:rsid w:val="00276ED8"/>
    <w:rsid w:val="00276FEF"/>
    <w:rsid w:val="00283C88"/>
    <w:rsid w:val="002914A1"/>
    <w:rsid w:val="00291FF7"/>
    <w:rsid w:val="00293734"/>
    <w:rsid w:val="002942BC"/>
    <w:rsid w:val="00294A84"/>
    <w:rsid w:val="002A1A20"/>
    <w:rsid w:val="002A2D28"/>
    <w:rsid w:val="002B1999"/>
    <w:rsid w:val="002B1E96"/>
    <w:rsid w:val="002B2C84"/>
    <w:rsid w:val="002B3B05"/>
    <w:rsid w:val="002B5EBA"/>
    <w:rsid w:val="002C03AA"/>
    <w:rsid w:val="002C24B3"/>
    <w:rsid w:val="002C380B"/>
    <w:rsid w:val="002D4708"/>
    <w:rsid w:val="002D5905"/>
    <w:rsid w:val="002D63A0"/>
    <w:rsid w:val="002E22EF"/>
    <w:rsid w:val="002E69D7"/>
    <w:rsid w:val="002F17D2"/>
    <w:rsid w:val="002F242A"/>
    <w:rsid w:val="002F27A2"/>
    <w:rsid w:val="0030643B"/>
    <w:rsid w:val="003128BC"/>
    <w:rsid w:val="00322211"/>
    <w:rsid w:val="00324443"/>
    <w:rsid w:val="00336D55"/>
    <w:rsid w:val="00337A53"/>
    <w:rsid w:val="00343941"/>
    <w:rsid w:val="00351399"/>
    <w:rsid w:val="00351C8B"/>
    <w:rsid w:val="003533AA"/>
    <w:rsid w:val="003608C9"/>
    <w:rsid w:val="003618E4"/>
    <w:rsid w:val="00373660"/>
    <w:rsid w:val="00392803"/>
    <w:rsid w:val="00392E9C"/>
    <w:rsid w:val="003A1EB5"/>
    <w:rsid w:val="003A3ADF"/>
    <w:rsid w:val="003B2B41"/>
    <w:rsid w:val="003C0076"/>
    <w:rsid w:val="003D1A42"/>
    <w:rsid w:val="003D57CD"/>
    <w:rsid w:val="003E7D16"/>
    <w:rsid w:val="003F03AC"/>
    <w:rsid w:val="003F677F"/>
    <w:rsid w:val="0040543C"/>
    <w:rsid w:val="00405CD5"/>
    <w:rsid w:val="00412B3A"/>
    <w:rsid w:val="0042349F"/>
    <w:rsid w:val="004422DD"/>
    <w:rsid w:val="00445B06"/>
    <w:rsid w:val="00451CB7"/>
    <w:rsid w:val="00456BE6"/>
    <w:rsid w:val="00457DCE"/>
    <w:rsid w:val="00464455"/>
    <w:rsid w:val="004700A1"/>
    <w:rsid w:val="00470F08"/>
    <w:rsid w:val="00473875"/>
    <w:rsid w:val="0048105D"/>
    <w:rsid w:val="00483636"/>
    <w:rsid w:val="0048661C"/>
    <w:rsid w:val="004877FD"/>
    <w:rsid w:val="00497B85"/>
    <w:rsid w:val="004A378A"/>
    <w:rsid w:val="004A3BB9"/>
    <w:rsid w:val="004B3FAC"/>
    <w:rsid w:val="004B7C50"/>
    <w:rsid w:val="004C7B7B"/>
    <w:rsid w:val="004D31C9"/>
    <w:rsid w:val="004D7A6C"/>
    <w:rsid w:val="004E0453"/>
    <w:rsid w:val="004F5F7A"/>
    <w:rsid w:val="005208BF"/>
    <w:rsid w:val="005309A4"/>
    <w:rsid w:val="00537CA4"/>
    <w:rsid w:val="00541753"/>
    <w:rsid w:val="005455FE"/>
    <w:rsid w:val="0054715C"/>
    <w:rsid w:val="00555D0F"/>
    <w:rsid w:val="00560D11"/>
    <w:rsid w:val="00561465"/>
    <w:rsid w:val="005644F8"/>
    <w:rsid w:val="0057011F"/>
    <w:rsid w:val="0057503B"/>
    <w:rsid w:val="00591C07"/>
    <w:rsid w:val="0059390B"/>
    <w:rsid w:val="005A5BA2"/>
    <w:rsid w:val="005A600B"/>
    <w:rsid w:val="005B1C47"/>
    <w:rsid w:val="005C0A50"/>
    <w:rsid w:val="005D1F51"/>
    <w:rsid w:val="005D5846"/>
    <w:rsid w:val="005D6312"/>
    <w:rsid w:val="005F005C"/>
    <w:rsid w:val="005F05A8"/>
    <w:rsid w:val="005F25CC"/>
    <w:rsid w:val="005F4D07"/>
    <w:rsid w:val="006023D9"/>
    <w:rsid w:val="006036F7"/>
    <w:rsid w:val="006054A3"/>
    <w:rsid w:val="006058CD"/>
    <w:rsid w:val="00607FC2"/>
    <w:rsid w:val="00613522"/>
    <w:rsid w:val="00615B4D"/>
    <w:rsid w:val="006256E5"/>
    <w:rsid w:val="00625CE1"/>
    <w:rsid w:val="00631D5C"/>
    <w:rsid w:val="006320E5"/>
    <w:rsid w:val="00635C90"/>
    <w:rsid w:val="006463ED"/>
    <w:rsid w:val="00660A0D"/>
    <w:rsid w:val="00661A44"/>
    <w:rsid w:val="00664EC7"/>
    <w:rsid w:val="00665B22"/>
    <w:rsid w:val="0067567B"/>
    <w:rsid w:val="00680F7F"/>
    <w:rsid w:val="00683D72"/>
    <w:rsid w:val="0069245D"/>
    <w:rsid w:val="006A2FEF"/>
    <w:rsid w:val="006C73E6"/>
    <w:rsid w:val="006D0E0C"/>
    <w:rsid w:val="006D4BCD"/>
    <w:rsid w:val="006D54CA"/>
    <w:rsid w:val="006E726E"/>
    <w:rsid w:val="006F4B68"/>
    <w:rsid w:val="00714BEE"/>
    <w:rsid w:val="00715B33"/>
    <w:rsid w:val="00722354"/>
    <w:rsid w:val="007336A5"/>
    <w:rsid w:val="00747580"/>
    <w:rsid w:val="00755D77"/>
    <w:rsid w:val="00762FD6"/>
    <w:rsid w:val="00782868"/>
    <w:rsid w:val="00791737"/>
    <w:rsid w:val="007A6824"/>
    <w:rsid w:val="007B056C"/>
    <w:rsid w:val="007B18C4"/>
    <w:rsid w:val="007B1BF7"/>
    <w:rsid w:val="007C0BD3"/>
    <w:rsid w:val="008002D0"/>
    <w:rsid w:val="008175AD"/>
    <w:rsid w:val="008229A6"/>
    <w:rsid w:val="00841119"/>
    <w:rsid w:val="008724B7"/>
    <w:rsid w:val="00872AEB"/>
    <w:rsid w:val="00875F70"/>
    <w:rsid w:val="00881426"/>
    <w:rsid w:val="00885651"/>
    <w:rsid w:val="00893D90"/>
    <w:rsid w:val="00895439"/>
    <w:rsid w:val="008A0D81"/>
    <w:rsid w:val="008A0F09"/>
    <w:rsid w:val="008A60C9"/>
    <w:rsid w:val="008B328E"/>
    <w:rsid w:val="008B3AF7"/>
    <w:rsid w:val="008B3C15"/>
    <w:rsid w:val="008B54BB"/>
    <w:rsid w:val="008C3381"/>
    <w:rsid w:val="008D43EC"/>
    <w:rsid w:val="008E0E61"/>
    <w:rsid w:val="008E3198"/>
    <w:rsid w:val="008E6F7C"/>
    <w:rsid w:val="008F1002"/>
    <w:rsid w:val="009062B4"/>
    <w:rsid w:val="00910DDE"/>
    <w:rsid w:val="0091434A"/>
    <w:rsid w:val="0091730E"/>
    <w:rsid w:val="00920E01"/>
    <w:rsid w:val="00921A93"/>
    <w:rsid w:val="00924261"/>
    <w:rsid w:val="00926D5F"/>
    <w:rsid w:val="0093767F"/>
    <w:rsid w:val="009422AF"/>
    <w:rsid w:val="009472C2"/>
    <w:rsid w:val="00951845"/>
    <w:rsid w:val="009530A0"/>
    <w:rsid w:val="0095530B"/>
    <w:rsid w:val="00955E0F"/>
    <w:rsid w:val="00966E95"/>
    <w:rsid w:val="00972865"/>
    <w:rsid w:val="00972C15"/>
    <w:rsid w:val="00981480"/>
    <w:rsid w:val="009908B9"/>
    <w:rsid w:val="00992AB0"/>
    <w:rsid w:val="00993237"/>
    <w:rsid w:val="009932A2"/>
    <w:rsid w:val="009954AA"/>
    <w:rsid w:val="009A2754"/>
    <w:rsid w:val="009B3066"/>
    <w:rsid w:val="009B3ACF"/>
    <w:rsid w:val="009C4AD5"/>
    <w:rsid w:val="009E2D62"/>
    <w:rsid w:val="009E3AE2"/>
    <w:rsid w:val="009E6E34"/>
    <w:rsid w:val="009F0BCD"/>
    <w:rsid w:val="00A13C41"/>
    <w:rsid w:val="00A144C2"/>
    <w:rsid w:val="00A14DDD"/>
    <w:rsid w:val="00A2369E"/>
    <w:rsid w:val="00A34BEB"/>
    <w:rsid w:val="00A44ACF"/>
    <w:rsid w:val="00A4665D"/>
    <w:rsid w:val="00A517FC"/>
    <w:rsid w:val="00A74E7E"/>
    <w:rsid w:val="00A83078"/>
    <w:rsid w:val="00A83738"/>
    <w:rsid w:val="00A83945"/>
    <w:rsid w:val="00AA3A9C"/>
    <w:rsid w:val="00AA58DF"/>
    <w:rsid w:val="00AB08F3"/>
    <w:rsid w:val="00AB26C0"/>
    <w:rsid w:val="00AB2938"/>
    <w:rsid w:val="00AB4678"/>
    <w:rsid w:val="00AC058F"/>
    <w:rsid w:val="00AC4AF8"/>
    <w:rsid w:val="00AE7396"/>
    <w:rsid w:val="00B020DF"/>
    <w:rsid w:val="00B07698"/>
    <w:rsid w:val="00B121C2"/>
    <w:rsid w:val="00B14334"/>
    <w:rsid w:val="00B17EDA"/>
    <w:rsid w:val="00B246CB"/>
    <w:rsid w:val="00B40DE9"/>
    <w:rsid w:val="00B66EAA"/>
    <w:rsid w:val="00B67968"/>
    <w:rsid w:val="00B72CA5"/>
    <w:rsid w:val="00B90163"/>
    <w:rsid w:val="00BA3569"/>
    <w:rsid w:val="00BE0B06"/>
    <w:rsid w:val="00BE3E62"/>
    <w:rsid w:val="00BE66D2"/>
    <w:rsid w:val="00BE7A67"/>
    <w:rsid w:val="00BF4855"/>
    <w:rsid w:val="00BF7B3B"/>
    <w:rsid w:val="00BF7B7B"/>
    <w:rsid w:val="00C034E5"/>
    <w:rsid w:val="00C04360"/>
    <w:rsid w:val="00C1057F"/>
    <w:rsid w:val="00C115EC"/>
    <w:rsid w:val="00C21A44"/>
    <w:rsid w:val="00C41A36"/>
    <w:rsid w:val="00C44FF5"/>
    <w:rsid w:val="00C45FCF"/>
    <w:rsid w:val="00C62238"/>
    <w:rsid w:val="00C70D1A"/>
    <w:rsid w:val="00C848AF"/>
    <w:rsid w:val="00C90180"/>
    <w:rsid w:val="00C94F58"/>
    <w:rsid w:val="00CC14C4"/>
    <w:rsid w:val="00CC33C6"/>
    <w:rsid w:val="00CD3DC1"/>
    <w:rsid w:val="00CD4BA1"/>
    <w:rsid w:val="00CD75B0"/>
    <w:rsid w:val="00CE2D98"/>
    <w:rsid w:val="00CF032C"/>
    <w:rsid w:val="00D107F3"/>
    <w:rsid w:val="00D1115D"/>
    <w:rsid w:val="00D125EB"/>
    <w:rsid w:val="00D15A34"/>
    <w:rsid w:val="00D16F90"/>
    <w:rsid w:val="00D23D88"/>
    <w:rsid w:val="00D350B9"/>
    <w:rsid w:val="00D465A2"/>
    <w:rsid w:val="00D47538"/>
    <w:rsid w:val="00D517F8"/>
    <w:rsid w:val="00D62EB3"/>
    <w:rsid w:val="00D707F8"/>
    <w:rsid w:val="00D736F1"/>
    <w:rsid w:val="00D941FD"/>
    <w:rsid w:val="00D96EC2"/>
    <w:rsid w:val="00DA0724"/>
    <w:rsid w:val="00DA0E64"/>
    <w:rsid w:val="00DA3F96"/>
    <w:rsid w:val="00DA4460"/>
    <w:rsid w:val="00DA6CB4"/>
    <w:rsid w:val="00DC0A82"/>
    <w:rsid w:val="00DD4435"/>
    <w:rsid w:val="00DD4799"/>
    <w:rsid w:val="00DE2FA3"/>
    <w:rsid w:val="00DE66B9"/>
    <w:rsid w:val="00DE7D39"/>
    <w:rsid w:val="00DF04DD"/>
    <w:rsid w:val="00DF0AFC"/>
    <w:rsid w:val="00DF5C94"/>
    <w:rsid w:val="00E018C6"/>
    <w:rsid w:val="00E105B9"/>
    <w:rsid w:val="00E14F0D"/>
    <w:rsid w:val="00E20BC4"/>
    <w:rsid w:val="00E235C9"/>
    <w:rsid w:val="00E257EA"/>
    <w:rsid w:val="00E324EF"/>
    <w:rsid w:val="00E35770"/>
    <w:rsid w:val="00E467E9"/>
    <w:rsid w:val="00E5308F"/>
    <w:rsid w:val="00E53619"/>
    <w:rsid w:val="00E61770"/>
    <w:rsid w:val="00E66B8F"/>
    <w:rsid w:val="00EA22AC"/>
    <w:rsid w:val="00EA7205"/>
    <w:rsid w:val="00EC3C4F"/>
    <w:rsid w:val="00EC4885"/>
    <w:rsid w:val="00EC5592"/>
    <w:rsid w:val="00EC7060"/>
    <w:rsid w:val="00ED45E5"/>
    <w:rsid w:val="00EF1766"/>
    <w:rsid w:val="00EF32E2"/>
    <w:rsid w:val="00F01C0E"/>
    <w:rsid w:val="00F07403"/>
    <w:rsid w:val="00F21C7F"/>
    <w:rsid w:val="00F25AEF"/>
    <w:rsid w:val="00F42384"/>
    <w:rsid w:val="00F5151D"/>
    <w:rsid w:val="00F532D1"/>
    <w:rsid w:val="00F5362F"/>
    <w:rsid w:val="00F554DD"/>
    <w:rsid w:val="00F64D2E"/>
    <w:rsid w:val="00F71954"/>
    <w:rsid w:val="00F751B9"/>
    <w:rsid w:val="00F81D5D"/>
    <w:rsid w:val="00F9619D"/>
    <w:rsid w:val="00FB3542"/>
    <w:rsid w:val="00FB500D"/>
    <w:rsid w:val="00FB7ABA"/>
    <w:rsid w:val="00FF118E"/>
    <w:rsid w:val="00FF1CA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;"/>
  <w14:docId w14:val="0937F30A"/>
  <w15:chartTrackingRefBased/>
  <w15:docId w15:val="{607994CA-C1D4-CE44-80C4-4A0126E329E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4"/>
        <w:szCs w:val="24"/>
        <w:lang w:val="de-CH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Standard">
    <w:name w:val="Normal"/>
    <w:qFormat/>
    <w:rsid w:val="00966E95"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Listenabsatz">
    <w:name w:val="List Paragraph"/>
    <w:basedOn w:val="Standard"/>
    <w:uiPriority w:val="34"/>
    <w:qFormat/>
    <w:rsid w:val="008229A6"/>
    <w:pPr>
      <w:ind w:left="720"/>
      <w:contextualSpacing/>
    </w:pPr>
  </w:style>
  <w:style w:type="table" w:styleId="Tabellenraster">
    <w:name w:val="Table Grid"/>
    <w:basedOn w:val="NormaleTabelle"/>
    <w:uiPriority w:val="59"/>
    <w:rsid w:val="008229A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DA0724"/>
    <w:rPr>
      <w:rFonts w:ascii="Times New Roman" w:hAnsi="Times New Roman" w:cs="Times New Roman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DA0724"/>
    <w:rPr>
      <w:rFonts w:ascii="Times New Roman" w:hAnsi="Times New Roman" w:cs="Times New Roman"/>
      <w:sz w:val="18"/>
      <w:szCs w:val="18"/>
    </w:rPr>
  </w:style>
  <w:style w:type="paragraph" w:styleId="Kopfzeile">
    <w:name w:val="header"/>
    <w:basedOn w:val="Standard"/>
    <w:link w:val="KopfzeileZchn"/>
    <w:uiPriority w:val="99"/>
    <w:unhideWhenUsed/>
    <w:rsid w:val="0022008E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basedOn w:val="Absatz-Standardschriftart"/>
    <w:link w:val="Kopfzeile"/>
    <w:uiPriority w:val="99"/>
    <w:rsid w:val="0022008E"/>
  </w:style>
  <w:style w:type="paragraph" w:styleId="Fuzeile">
    <w:name w:val="footer"/>
    <w:basedOn w:val="Standard"/>
    <w:link w:val="FuzeileZchn"/>
    <w:uiPriority w:val="99"/>
    <w:unhideWhenUsed/>
    <w:rsid w:val="0022008E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22008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2731696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20977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32620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3791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39691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sv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eader" Target="header1.xml"/><Relationship Id="rId4" Type="http://schemas.openxmlformats.org/officeDocument/2006/relationships/webSettings" Target="webSettings.xml"/><Relationship Id="rId9" Type="http://schemas.openxmlformats.org/officeDocument/2006/relationships/image" Target="media/image3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jpg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5</Pages>
  <Words>886</Words>
  <Characters>5584</Characters>
  <Application>Microsoft Office Word</Application>
  <DocSecurity>0</DocSecurity>
  <Lines>46</Lines>
  <Paragraphs>12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45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eutler Natascha</dc:creator>
  <cp:keywords/>
  <dc:description/>
  <cp:lastModifiedBy>Marriott, Steven (SRF)</cp:lastModifiedBy>
  <cp:revision>7</cp:revision>
  <dcterms:created xsi:type="dcterms:W3CDTF">2021-02-10T17:42:00Z</dcterms:created>
  <dcterms:modified xsi:type="dcterms:W3CDTF">2021-02-11T12:25:00Z</dcterms:modified>
</cp:coreProperties>
</file>